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4025\group\003_入選G\01 入選\06 転編入学\03_９月１日付け\R8年度\03_記者発表\04_ホームページ登載\02_ホームページ用データ\"/>
    </mc:Choice>
  </mc:AlternateContent>
  <xr:revisionPtr revIDLastSave="0" documentId="13_ncr:1_{E9DBC126-5152-42BA-992C-81C20F8F5FD1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県立学校" sheetId="1" r:id="rId1"/>
  </sheets>
  <definedNames>
    <definedName name="_xlnm.Print_Area" localSheetId="0">県立学校!$A$1:$J$17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75" uniqueCount="271">
  <si>
    <t>別　紙　２</t>
    <rPh sb="0" eb="1">
      <t>ベツ</t>
    </rPh>
    <rPh sb="2" eb="3">
      <t>カミ</t>
    </rPh>
    <phoneticPr fontId="2"/>
  </si>
  <si>
    <t>　※　 ― ：欠員がないため募集しないことを示す。</t>
    <rPh sb="7" eb="9">
      <t>ケツイン</t>
    </rPh>
    <rPh sb="14" eb="16">
      <t>ボシュウ</t>
    </rPh>
    <rPh sb="22" eb="23">
      <t>シメ</t>
    </rPh>
    <phoneticPr fontId="2"/>
  </si>
  <si>
    <t>地区名</t>
    <rPh sb="0" eb="1">
      <t>チ</t>
    </rPh>
    <phoneticPr fontId="2"/>
  </si>
  <si>
    <t>募集学年</t>
    <rPh sb="0" eb="2">
      <t>ボシュウ</t>
    </rPh>
    <rPh sb="2" eb="4">
      <t>ガクネン</t>
    </rPh>
    <phoneticPr fontId="2"/>
  </si>
  <si>
    <t>Ａ</t>
    <phoneticPr fontId="2"/>
  </si>
  <si>
    <t>Ｂ</t>
    <phoneticPr fontId="2"/>
  </si>
  <si>
    <t>Ａ</t>
    <phoneticPr fontId="2"/>
  </si>
  <si>
    <t>横浜北</t>
    <rPh sb="2" eb="3">
      <t>キタ</t>
    </rPh>
    <phoneticPr fontId="2"/>
  </si>
  <si>
    <t>鎌倉藤沢</t>
  </si>
  <si>
    <t>横浜翠嵐</t>
  </si>
  <si>
    <t>茅ケ崎</t>
  </si>
  <si>
    <t>七里ガ浜</t>
  </si>
  <si>
    <t>茅ケ崎北陵</t>
  </si>
  <si>
    <t>茅ケ崎西浜</t>
  </si>
  <si>
    <t>平塚秦野</t>
    <rPh sb="2" eb="4">
      <t>ハタノ</t>
    </rPh>
    <phoneticPr fontId="2"/>
  </si>
  <si>
    <t>平塚江南</t>
  </si>
  <si>
    <t>伊勢原</t>
  </si>
  <si>
    <t>横浜中</t>
    <rPh sb="2" eb="3">
      <t>ナカ</t>
    </rPh>
    <phoneticPr fontId="2"/>
  </si>
  <si>
    <t>希望ケ丘</t>
  </si>
  <si>
    <t>秦野曽屋</t>
  </si>
  <si>
    <t>横浜平沼</t>
  </si>
  <si>
    <t>小田原東</t>
    <rPh sb="0" eb="3">
      <t>オダワラ</t>
    </rPh>
    <rPh sb="3" eb="4">
      <t>ヒガシ</t>
    </rPh>
    <phoneticPr fontId="2"/>
  </si>
  <si>
    <t>保土ケ谷</t>
  </si>
  <si>
    <t>横浜南</t>
  </si>
  <si>
    <t>横浜南陵</t>
  </si>
  <si>
    <t>横浜緑ケ丘</t>
  </si>
  <si>
    <t>横浜立野</t>
  </si>
  <si>
    <t>横浜氷取沢</t>
    <rPh sb="0" eb="1">
      <t>ヨコ</t>
    </rPh>
    <rPh sb="1" eb="2">
      <t>ハマ</t>
    </rPh>
    <rPh sb="2" eb="3">
      <t>コオリ</t>
    </rPh>
    <phoneticPr fontId="2"/>
  </si>
  <si>
    <t>相模原</t>
    <rPh sb="0" eb="3">
      <t>サガミハラ</t>
    </rPh>
    <phoneticPr fontId="2"/>
  </si>
  <si>
    <t>横須賀三浦</t>
  </si>
  <si>
    <t>横須賀大津</t>
  </si>
  <si>
    <t>津久井浜</t>
  </si>
  <si>
    <t>横須賀南</t>
    <rPh sb="3" eb="4">
      <t>ミナミ</t>
    </rPh>
    <phoneticPr fontId="2"/>
  </si>
  <si>
    <t>相模田名</t>
  </si>
  <si>
    <t>平塚農商</t>
    <rPh sb="3" eb="4">
      <t>ショウ</t>
    </rPh>
    <phoneticPr fontId="2"/>
  </si>
  <si>
    <t>都市農業科</t>
    <rPh sb="0" eb="2">
      <t>トシ</t>
    </rPh>
    <rPh sb="2" eb="4">
      <t>ノウギョウ</t>
    </rPh>
    <rPh sb="4" eb="5">
      <t>カ</t>
    </rPh>
    <phoneticPr fontId="2"/>
  </si>
  <si>
    <t>スポーツ科学科</t>
    <rPh sb="4" eb="6">
      <t>カガク</t>
    </rPh>
    <rPh sb="6" eb="7">
      <t>カ</t>
    </rPh>
    <phoneticPr fontId="2"/>
  </si>
  <si>
    <t>都市環境科</t>
    <rPh sb="0" eb="2">
      <t>トシ</t>
    </rPh>
    <rPh sb="2" eb="4">
      <t>カンキョウ</t>
    </rPh>
    <rPh sb="4" eb="5">
      <t>カ</t>
    </rPh>
    <phoneticPr fontId="2"/>
  </si>
  <si>
    <t>食品科学科</t>
    <phoneticPr fontId="2"/>
  </si>
  <si>
    <t>農業総合科</t>
    <rPh sb="0" eb="2">
      <t>ノウギョウ</t>
    </rPh>
    <rPh sb="2" eb="4">
      <t>ソウゴウ</t>
    </rPh>
    <phoneticPr fontId="2"/>
  </si>
  <si>
    <t>畜産科学科</t>
  </si>
  <si>
    <t>食品科学科</t>
  </si>
  <si>
    <t>環境緑地科</t>
    <rPh sb="2" eb="4">
      <t>リョクチ</t>
    </rPh>
    <rPh sb="4" eb="5">
      <t>カ</t>
    </rPh>
    <phoneticPr fontId="2"/>
  </si>
  <si>
    <t>中央農業</t>
  </si>
  <si>
    <t>園芸科学科</t>
  </si>
  <si>
    <t>募集の有無</t>
    <rPh sb="0" eb="2">
      <t>ボシュウ</t>
    </rPh>
    <rPh sb="3" eb="5">
      <t>ウム</t>
    </rPh>
    <phoneticPr fontId="2"/>
  </si>
  <si>
    <t>神奈川総合</t>
  </si>
  <si>
    <t>Ａ</t>
    <phoneticPr fontId="2"/>
  </si>
  <si>
    <t>横浜旭陵</t>
  </si>
  <si>
    <t>神奈川工業</t>
  </si>
  <si>
    <t>横浜緑園</t>
    <rPh sb="2" eb="4">
      <t>リョクエン</t>
    </rPh>
    <phoneticPr fontId="2"/>
  </si>
  <si>
    <t>横浜桜陽</t>
  </si>
  <si>
    <t>横浜清陵</t>
    <rPh sb="0" eb="2">
      <t>ヨコハマ</t>
    </rPh>
    <rPh sb="2" eb="3">
      <t>セイ</t>
    </rPh>
    <rPh sb="3" eb="4">
      <t>リョウ</t>
    </rPh>
    <phoneticPr fontId="2"/>
  </si>
  <si>
    <t>デザイン科</t>
  </si>
  <si>
    <t>総合技術科</t>
    <rPh sb="0" eb="2">
      <t>ソウゴウ</t>
    </rPh>
    <rPh sb="2" eb="5">
      <t>ギジュツカ</t>
    </rPh>
    <phoneticPr fontId="2"/>
  </si>
  <si>
    <t>磯子工業</t>
  </si>
  <si>
    <t>三浦初声</t>
    <rPh sb="2" eb="3">
      <t>ハツ</t>
    </rPh>
    <rPh sb="3" eb="4">
      <t>コエ</t>
    </rPh>
    <phoneticPr fontId="2"/>
  </si>
  <si>
    <t>藤沢清流</t>
    <rPh sb="0" eb="2">
      <t>フジサワ</t>
    </rPh>
    <rPh sb="2" eb="4">
      <t>セイリュウ</t>
    </rPh>
    <phoneticPr fontId="2"/>
  </si>
  <si>
    <t>平塚湘風</t>
    <rPh sb="0" eb="2">
      <t>ヒラツカ</t>
    </rPh>
    <rPh sb="2" eb="4">
      <t>ショウフウ</t>
    </rPh>
    <phoneticPr fontId="2"/>
  </si>
  <si>
    <t>川崎工科</t>
    <rPh sb="2" eb="4">
      <t>コウカ</t>
    </rPh>
    <phoneticPr fontId="2"/>
  </si>
  <si>
    <t>向の岡工業</t>
  </si>
  <si>
    <t>厚木清南</t>
    <rPh sb="0" eb="2">
      <t>アツギ</t>
    </rPh>
    <rPh sb="2" eb="4">
      <t>セイナン</t>
    </rPh>
    <phoneticPr fontId="2"/>
  </si>
  <si>
    <t>相模原弥栄</t>
    <phoneticPr fontId="2"/>
  </si>
  <si>
    <t>横須賀工業</t>
  </si>
  <si>
    <t>Ｂ</t>
    <phoneticPr fontId="2"/>
  </si>
  <si>
    <t>平塚工科</t>
  </si>
  <si>
    <t>総合技術科</t>
  </si>
  <si>
    <t>鶴見総合</t>
  </si>
  <si>
    <t>藤沢工科</t>
  </si>
  <si>
    <t>金沢総合</t>
  </si>
  <si>
    <t>麻生総合</t>
  </si>
  <si>
    <t>藤沢総合</t>
  </si>
  <si>
    <t>秦野総合</t>
    <rPh sb="0" eb="2">
      <t>ハタノ</t>
    </rPh>
    <phoneticPr fontId="2"/>
  </si>
  <si>
    <t>座間総合</t>
    <rPh sb="0" eb="2">
      <t>ザマ</t>
    </rPh>
    <rPh sb="2" eb="4">
      <t>ソウゴウ</t>
    </rPh>
    <phoneticPr fontId="2"/>
  </si>
  <si>
    <t>総合ビジネス科</t>
    <rPh sb="0" eb="2">
      <t>ソウゴウ</t>
    </rPh>
    <phoneticPr fontId="2"/>
  </si>
  <si>
    <t>平塚農商</t>
    <rPh sb="2" eb="3">
      <t>ノウ</t>
    </rPh>
    <rPh sb="3" eb="4">
      <t>ショウ</t>
    </rPh>
    <phoneticPr fontId="2"/>
  </si>
  <si>
    <t>三浦初声</t>
    <rPh sb="0" eb="2">
      <t>ミウラ</t>
    </rPh>
    <rPh sb="2" eb="4">
      <t>ハッセ</t>
    </rPh>
    <phoneticPr fontId="2"/>
  </si>
  <si>
    <t>小田原東</t>
    <rPh sb="3" eb="4">
      <t>ヒガシ</t>
    </rPh>
    <phoneticPr fontId="2"/>
  </si>
  <si>
    <t>食品加工科</t>
    <rPh sb="0" eb="2">
      <t>ショクヒン</t>
    </rPh>
    <rPh sb="2" eb="4">
      <t>カコウ</t>
    </rPh>
    <rPh sb="4" eb="5">
      <t>カ</t>
    </rPh>
    <phoneticPr fontId="2"/>
  </si>
  <si>
    <t>環境緑地科</t>
    <rPh sb="0" eb="2">
      <t>カンキョウ</t>
    </rPh>
    <rPh sb="2" eb="4">
      <t>リョクチ</t>
    </rPh>
    <rPh sb="4" eb="5">
      <t>カ</t>
    </rPh>
    <phoneticPr fontId="2"/>
  </si>
  <si>
    <t>二俣川</t>
    <phoneticPr fontId="2"/>
  </si>
  <si>
    <t>生活科学科</t>
    <rPh sb="0" eb="2">
      <t>セイカツ</t>
    </rPh>
    <rPh sb="2" eb="4">
      <t>カガク</t>
    </rPh>
    <rPh sb="4" eb="5">
      <t>カ</t>
    </rPh>
    <phoneticPr fontId="2"/>
  </si>
  <si>
    <t>横須賀南</t>
    <rPh sb="0" eb="4">
      <t>ヨコスカミナミ</t>
    </rPh>
    <phoneticPr fontId="2"/>
  </si>
  <si>
    <t>（Ａのみ募集）</t>
    <rPh sb="4" eb="6">
      <t>ボシュウ</t>
    </rPh>
    <phoneticPr fontId="2"/>
  </si>
  <si>
    <t>相模原弥栄</t>
    <phoneticPr fontId="2"/>
  </si>
  <si>
    <t>単位制普通科</t>
    <phoneticPr fontId="2"/>
  </si>
  <si>
    <t>単位制普通科</t>
    <rPh sb="0" eb="2">
      <t>タンイ</t>
    </rPh>
    <rPh sb="2" eb="3">
      <t>セイ</t>
    </rPh>
    <rPh sb="3" eb="5">
      <t>フツウ</t>
    </rPh>
    <rPh sb="5" eb="6">
      <t>カ</t>
    </rPh>
    <phoneticPr fontId="2"/>
  </si>
  <si>
    <t>単位制普通科</t>
    <rPh sb="0" eb="3">
      <t>タンイセイ</t>
    </rPh>
    <rPh sb="3" eb="6">
      <t>フツウカ</t>
    </rPh>
    <phoneticPr fontId="2"/>
  </si>
  <si>
    <t>単位制総合学科</t>
    <rPh sb="0" eb="3">
      <t>タンイセイ</t>
    </rPh>
    <phoneticPr fontId="2"/>
  </si>
  <si>
    <t>横浜国際</t>
    <rPh sb="0" eb="1">
      <t>ヨコ</t>
    </rPh>
    <rPh sb="1" eb="2">
      <t>ハマ</t>
    </rPh>
    <rPh sb="2" eb="4">
      <t>コクサイ</t>
    </rPh>
    <phoneticPr fontId="2"/>
  </si>
  <si>
    <t>Ａ</t>
    <phoneticPr fontId="2"/>
  </si>
  <si>
    <t>Ｂ</t>
    <phoneticPr fontId="2"/>
  </si>
  <si>
    <t>神奈川</t>
  </si>
  <si>
    <t>総合産業科</t>
    <rPh sb="0" eb="2">
      <t>ソウゴウ</t>
    </rPh>
    <rPh sb="2" eb="4">
      <t>サンギョウ</t>
    </rPh>
    <rPh sb="4" eb="5">
      <t>カ</t>
    </rPh>
    <phoneticPr fontId="2"/>
  </si>
  <si>
    <t>総合産業</t>
  </si>
  <si>
    <t>神奈川総合</t>
    <rPh sb="0" eb="3">
      <t>カナガワ</t>
    </rPh>
    <rPh sb="3" eb="5">
      <t>ソウゴウ</t>
    </rPh>
    <phoneticPr fontId="2"/>
  </si>
  <si>
    <t>舞台芸術科</t>
    <rPh sb="0" eb="2">
      <t>ブタイ</t>
    </rPh>
    <rPh sb="2" eb="4">
      <t>ゲイジュツ</t>
    </rPh>
    <rPh sb="4" eb="5">
      <t>カ</t>
    </rPh>
    <phoneticPr fontId="2"/>
  </si>
  <si>
    <t>横浜国際</t>
  </si>
  <si>
    <t>単位制国際科</t>
    <phoneticPr fontId="2"/>
  </si>
  <si>
    <t>相模原弥栄</t>
  </si>
  <si>
    <t>逗子葉山</t>
    <rPh sb="0" eb="2">
      <t>ズシ</t>
    </rPh>
    <rPh sb="2" eb="4">
      <t>ハヤマ</t>
    </rPh>
    <phoneticPr fontId="2"/>
  </si>
  <si>
    <t>横浜瀬谷</t>
    <rPh sb="0" eb="2">
      <t>ヨコハマ</t>
    </rPh>
    <rPh sb="2" eb="4">
      <t>セヤ</t>
    </rPh>
    <phoneticPr fontId="2"/>
  </si>
  <si>
    <t>相模原城山</t>
    <rPh sb="3" eb="5">
      <t>シロヤマ</t>
    </rPh>
    <phoneticPr fontId="2"/>
  </si>
  <si>
    <t>単位制普通科</t>
  </si>
  <si>
    <t>横浜旭陵</t>
    <rPh sb="0" eb="2">
      <t>ヨコハマ</t>
    </rPh>
    <rPh sb="2" eb="4">
      <t>キョクリョウ</t>
    </rPh>
    <phoneticPr fontId="2"/>
  </si>
  <si>
    <t>藤沢総合</t>
    <rPh sb="0" eb="2">
      <t>フジサワ</t>
    </rPh>
    <rPh sb="2" eb="4">
      <t>ソウゴウ</t>
    </rPh>
    <phoneticPr fontId="2"/>
  </si>
  <si>
    <t>海洋科学</t>
    <rPh sb="0" eb="2">
      <t>カイヨウ</t>
    </rPh>
    <rPh sb="2" eb="4">
      <t>カガク</t>
    </rPh>
    <phoneticPr fontId="2"/>
  </si>
  <si>
    <t>船舶運航科</t>
    <rPh sb="0" eb="2">
      <t>センパク</t>
    </rPh>
    <rPh sb="2" eb="4">
      <t>ウンコウ</t>
    </rPh>
    <rPh sb="4" eb="5">
      <t>カ</t>
    </rPh>
    <phoneticPr fontId="2"/>
  </si>
  <si>
    <t>水産食品科</t>
    <rPh sb="0" eb="2">
      <t>スイサン</t>
    </rPh>
    <rPh sb="2" eb="4">
      <t>ショクヒン</t>
    </rPh>
    <rPh sb="4" eb="5">
      <t>カ</t>
    </rPh>
    <phoneticPr fontId="2"/>
  </si>
  <si>
    <t>無線技術科</t>
    <rPh sb="0" eb="2">
      <t>ムセン</t>
    </rPh>
    <rPh sb="2" eb="4">
      <t>ギジュツ</t>
    </rPh>
    <rPh sb="4" eb="5">
      <t>カ</t>
    </rPh>
    <phoneticPr fontId="2"/>
  </si>
  <si>
    <t>生物環境科</t>
    <rPh sb="0" eb="2">
      <t>セイブツ</t>
    </rPh>
    <rPh sb="2" eb="4">
      <t>カンキョウ</t>
    </rPh>
    <rPh sb="4" eb="5">
      <t>カ</t>
    </rPh>
    <phoneticPr fontId="2"/>
  </si>
  <si>
    <t>　募集学年区分Ａの対象者</t>
    <phoneticPr fontId="2"/>
  </si>
  <si>
    <t>　募集学年区分Ｂの対象者</t>
    <phoneticPr fontId="2"/>
  </si>
  <si>
    <t>厚木王子</t>
    <rPh sb="0" eb="2">
      <t>アツギ</t>
    </rPh>
    <rPh sb="2" eb="4">
      <t>オウジ</t>
    </rPh>
    <phoneticPr fontId="2"/>
  </si>
  <si>
    <t>1,2,3</t>
  </si>
  <si>
    <t>1,2,3</t>
    <phoneticPr fontId="2"/>
  </si>
  <si>
    <t>無</t>
  </si>
  <si>
    <t>有</t>
  </si>
  <si>
    <t>有</t>
    <rPh sb="0" eb="1">
      <t>アリ</t>
    </rPh>
    <phoneticPr fontId="2"/>
  </si>
  <si>
    <t>-</t>
  </si>
  <si>
    <t>無</t>
    <rPh sb="0" eb="1">
      <t>ナ</t>
    </rPh>
    <phoneticPr fontId="2"/>
  </si>
  <si>
    <t>有</t>
    <rPh sb="0" eb="1">
      <t>アリ</t>
    </rPh>
    <phoneticPr fontId="2"/>
  </si>
  <si>
    <t>無</t>
    <rPh sb="0" eb="1">
      <t>ナ</t>
    </rPh>
    <phoneticPr fontId="2"/>
  </si>
  <si>
    <t>有</t>
    <rPh sb="0" eb="1">
      <t>アリ</t>
    </rPh>
    <phoneticPr fontId="2"/>
  </si>
  <si>
    <t>2,3</t>
    <phoneticPr fontId="2"/>
  </si>
  <si>
    <t>単位制普通科（国際文化コース）</t>
    <phoneticPr fontId="2"/>
  </si>
  <si>
    <t>普通科（個性化コース）</t>
    <rPh sb="0" eb="2">
      <t>フツウ</t>
    </rPh>
    <rPh sb="2" eb="3">
      <t>カ</t>
    </rPh>
    <rPh sb="4" eb="7">
      <t>コセイカ</t>
    </rPh>
    <phoneticPr fontId="2"/>
  </si>
  <si>
    <t>普通科（国際文化コース）</t>
    <rPh sb="0" eb="2">
      <t>フツウ</t>
    </rPh>
    <rPh sb="2" eb="3">
      <t>カ</t>
    </rPh>
    <rPh sb="4" eb="6">
      <t>コクサイ</t>
    </rPh>
    <rPh sb="6" eb="8">
      <t>ブンカ</t>
    </rPh>
    <phoneticPr fontId="2"/>
  </si>
  <si>
    <t>鶴見</t>
  </si>
  <si>
    <t>城郷</t>
  </si>
  <si>
    <t>港北</t>
  </si>
  <si>
    <t>新羽</t>
  </si>
  <si>
    <t>岸根</t>
  </si>
  <si>
    <t>霧が丘</t>
  </si>
  <si>
    <t>白山</t>
  </si>
  <si>
    <t>市ケ尾</t>
  </si>
  <si>
    <t>元石川</t>
  </si>
  <si>
    <t>川和</t>
  </si>
  <si>
    <t>荏田</t>
  </si>
  <si>
    <t>新栄</t>
  </si>
  <si>
    <t>二俣川</t>
    <rPh sb="0" eb="1">
      <t>フタ</t>
    </rPh>
    <rPh sb="1" eb="2">
      <t>マタ</t>
    </rPh>
    <rPh sb="2" eb="3">
      <t>カワ</t>
    </rPh>
    <phoneticPr fontId="2"/>
  </si>
  <si>
    <t>旭</t>
  </si>
  <si>
    <t>松陽</t>
  </si>
  <si>
    <t>光陵</t>
  </si>
  <si>
    <t>舞岡</t>
  </si>
  <si>
    <t>上矢部</t>
  </si>
  <si>
    <t>金井</t>
  </si>
  <si>
    <t>永谷</t>
  </si>
  <si>
    <t>柏陽</t>
  </si>
  <si>
    <t>釜利谷</t>
  </si>
  <si>
    <t>新城</t>
  </si>
  <si>
    <t>住吉</t>
  </si>
  <si>
    <t>川崎北</t>
  </si>
  <si>
    <t>多摩</t>
  </si>
  <si>
    <t>生田</t>
  </si>
  <si>
    <t>百合丘</t>
  </si>
  <si>
    <t>生田東</t>
  </si>
  <si>
    <t>菅</t>
  </si>
  <si>
    <t>麻生</t>
  </si>
  <si>
    <t>横須賀</t>
  </si>
  <si>
    <t>追浜</t>
  </si>
  <si>
    <t>学校名</t>
  </si>
  <si>
    <t>鎌倉</t>
  </si>
  <si>
    <t>大船</t>
  </si>
  <si>
    <t>深沢</t>
  </si>
  <si>
    <t>湘南</t>
  </si>
  <si>
    <t>藤沢西</t>
  </si>
  <si>
    <t>湘南台</t>
  </si>
  <si>
    <t>鶴嶺</t>
  </si>
  <si>
    <t>寒川</t>
  </si>
  <si>
    <t>高浜</t>
  </si>
  <si>
    <t>大磯</t>
  </si>
  <si>
    <t>二宮</t>
  </si>
  <si>
    <t>秦野</t>
  </si>
  <si>
    <t>伊志田</t>
  </si>
  <si>
    <t>県西</t>
  </si>
  <si>
    <t>西湘</t>
  </si>
  <si>
    <t>足柄</t>
  </si>
  <si>
    <t>山北</t>
  </si>
  <si>
    <t>県央</t>
    <rPh sb="0" eb="1">
      <t>ケン</t>
    </rPh>
    <rPh sb="1" eb="2">
      <t>ヒサシ</t>
    </rPh>
    <phoneticPr fontId="2"/>
  </si>
  <si>
    <t>厚木</t>
  </si>
  <si>
    <t>厚木北</t>
  </si>
  <si>
    <t>厚木西</t>
  </si>
  <si>
    <t>海老名</t>
  </si>
  <si>
    <t>有馬</t>
  </si>
  <si>
    <t>愛川</t>
  </si>
  <si>
    <t>川崎</t>
  </si>
  <si>
    <t>大和</t>
  </si>
  <si>
    <t>大和南</t>
  </si>
  <si>
    <t>大和東</t>
  </si>
  <si>
    <t>大和西</t>
  </si>
  <si>
    <t>座間</t>
  </si>
  <si>
    <t>綾瀬</t>
  </si>
  <si>
    <t>綾瀬西</t>
  </si>
  <si>
    <t>麻溝台</t>
  </si>
  <si>
    <t>上鶴間</t>
  </si>
  <si>
    <t>上溝</t>
  </si>
  <si>
    <t>相模原</t>
  </si>
  <si>
    <t>上溝南</t>
  </si>
  <si>
    <t>橋本</t>
  </si>
  <si>
    <t>津久井</t>
  </si>
  <si>
    <t>学科名</t>
  </si>
  <si>
    <t>学科名</t>
    <rPh sb="0" eb="1">
      <t>ガク</t>
    </rPh>
    <rPh sb="1" eb="2">
      <t>カ</t>
    </rPh>
    <rPh sb="2" eb="3">
      <t>メイ</t>
    </rPh>
    <phoneticPr fontId="2"/>
  </si>
  <si>
    <t>福祉科</t>
  </si>
  <si>
    <t>津久井</t>
    <rPh sb="0" eb="1">
      <t>ツ</t>
    </rPh>
    <rPh sb="1" eb="2">
      <t>ヒサシ</t>
    </rPh>
    <rPh sb="2" eb="3">
      <t>イ</t>
    </rPh>
    <phoneticPr fontId="2"/>
  </si>
  <si>
    <t>相原</t>
  </si>
  <si>
    <t>厚木北</t>
    <rPh sb="0" eb="1">
      <t>アツシ</t>
    </rPh>
    <rPh sb="1" eb="2">
      <t>キ</t>
    </rPh>
    <rPh sb="2" eb="3">
      <t>キタ</t>
    </rPh>
    <phoneticPr fontId="2"/>
  </si>
  <si>
    <t>白山</t>
    <rPh sb="0" eb="1">
      <t>シロ</t>
    </rPh>
    <rPh sb="1" eb="2">
      <t>ヤマ</t>
    </rPh>
    <phoneticPr fontId="2"/>
  </si>
  <si>
    <t>美術科</t>
    <rPh sb="0" eb="1">
      <t>ビ</t>
    </rPh>
    <rPh sb="1" eb="2">
      <t>ジュツ</t>
    </rPh>
    <rPh sb="2" eb="3">
      <t>カ</t>
    </rPh>
    <phoneticPr fontId="2"/>
  </si>
  <si>
    <t>上矢部</t>
    <rPh sb="0" eb="1">
      <t>ウエ</t>
    </rPh>
    <rPh sb="1" eb="2">
      <t>ヤ</t>
    </rPh>
    <rPh sb="2" eb="3">
      <t>ブ</t>
    </rPh>
    <phoneticPr fontId="2"/>
  </si>
  <si>
    <t>機械科</t>
  </si>
  <si>
    <t>建設科</t>
  </si>
  <si>
    <t>電気科</t>
  </si>
  <si>
    <t>商工</t>
  </si>
  <si>
    <t>普通科</t>
  </si>
  <si>
    <t>普通科</t>
    <rPh sb="0" eb="1">
      <t>フ</t>
    </rPh>
    <rPh sb="1" eb="2">
      <t>ツウ</t>
    </rPh>
    <rPh sb="2" eb="3">
      <t>カ</t>
    </rPh>
    <phoneticPr fontId="2"/>
  </si>
  <si>
    <t>化学科</t>
  </si>
  <si>
    <t>横浜栄</t>
    <rPh sb="0" eb="1">
      <t>ヨコ</t>
    </rPh>
    <rPh sb="1" eb="2">
      <t>ハマ</t>
    </rPh>
    <rPh sb="2" eb="3">
      <t>サカエ</t>
    </rPh>
    <phoneticPr fontId="2"/>
  </si>
  <si>
    <t>大師</t>
    <rPh sb="0" eb="1">
      <t>ダイ</t>
    </rPh>
    <rPh sb="1" eb="2">
      <t>シ</t>
    </rPh>
    <phoneticPr fontId="2"/>
  </si>
  <si>
    <t>電気科</t>
    <rPh sb="0" eb="1">
      <t>デン</t>
    </rPh>
    <rPh sb="1" eb="2">
      <t>キ</t>
    </rPh>
    <phoneticPr fontId="2"/>
  </si>
  <si>
    <t>建設科</t>
    <rPh sb="0" eb="1">
      <t>ケン</t>
    </rPh>
    <rPh sb="1" eb="2">
      <t>セツ</t>
    </rPh>
    <phoneticPr fontId="2"/>
  </si>
  <si>
    <t>小田原</t>
    <rPh sb="0" eb="1">
      <t>ショウ</t>
    </rPh>
    <rPh sb="1" eb="2">
      <t>タ</t>
    </rPh>
    <rPh sb="2" eb="3">
      <t>ハラ</t>
    </rPh>
    <phoneticPr fontId="2"/>
  </si>
  <si>
    <t>総合学科</t>
  </si>
  <si>
    <t>吉田島</t>
    <rPh sb="0" eb="1">
      <t>キチ</t>
    </rPh>
    <rPh sb="1" eb="2">
      <t>タ</t>
    </rPh>
    <rPh sb="2" eb="3">
      <t>ジマ</t>
    </rPh>
    <phoneticPr fontId="2"/>
  </si>
  <si>
    <t>吉田島</t>
    <rPh sb="0" eb="1">
      <t>ヨシ</t>
    </rPh>
    <rPh sb="1" eb="2">
      <t>タ</t>
    </rPh>
    <rPh sb="2" eb="3">
      <t>シマ</t>
    </rPh>
    <phoneticPr fontId="2"/>
  </si>
  <si>
    <t>看護科</t>
  </si>
  <si>
    <t>大和南</t>
    <rPh sb="0" eb="1">
      <t>ダイ</t>
    </rPh>
    <rPh sb="1" eb="2">
      <t>ワ</t>
    </rPh>
    <rPh sb="2" eb="3">
      <t>ミナミ</t>
    </rPh>
    <phoneticPr fontId="2"/>
  </si>
  <si>
    <t>伊勢原</t>
    <rPh sb="0" eb="1">
      <t>イ</t>
    </rPh>
    <rPh sb="1" eb="2">
      <t>ゼイ</t>
    </rPh>
    <rPh sb="2" eb="3">
      <t>ハラ</t>
    </rPh>
    <phoneticPr fontId="2"/>
  </si>
  <si>
    <t>橋本</t>
    <rPh sb="0" eb="1">
      <t>ハシ</t>
    </rPh>
    <rPh sb="1" eb="2">
      <t>モト</t>
    </rPh>
    <phoneticPr fontId="2"/>
  </si>
  <si>
    <t>新栄</t>
    <rPh sb="0" eb="1">
      <t>シン</t>
    </rPh>
    <rPh sb="1" eb="2">
      <t>サカエ</t>
    </rPh>
    <phoneticPr fontId="2"/>
  </si>
  <si>
    <t>音楽科</t>
    <rPh sb="0" eb="1">
      <t>オト</t>
    </rPh>
    <rPh sb="1" eb="2">
      <t>ラク</t>
    </rPh>
    <rPh sb="2" eb="3">
      <t>カ</t>
    </rPh>
    <phoneticPr fontId="2"/>
  </si>
  <si>
    <t>高浜</t>
    <rPh sb="0" eb="1">
      <t>コウ</t>
    </rPh>
    <rPh sb="1" eb="2">
      <t>ハマ</t>
    </rPh>
    <phoneticPr fontId="2"/>
  </si>
  <si>
    <t>川崎</t>
    <rPh sb="0" eb="1">
      <t>カワ</t>
    </rPh>
    <rPh sb="1" eb="2">
      <t>ザキ</t>
    </rPh>
    <phoneticPr fontId="2"/>
  </si>
  <si>
    <t>国際科</t>
    <rPh sb="0" eb="1">
      <t>クニ</t>
    </rPh>
    <rPh sb="1" eb="2">
      <t>サイ</t>
    </rPh>
    <rPh sb="2" eb="3">
      <t>カ</t>
    </rPh>
    <phoneticPr fontId="2"/>
  </si>
  <si>
    <t>西湘</t>
    <rPh sb="0" eb="1">
      <t>セイ</t>
    </rPh>
    <rPh sb="1" eb="2">
      <t>ショウ</t>
    </rPh>
    <phoneticPr fontId="2"/>
  </si>
  <si>
    <t>伊志田</t>
    <rPh sb="0" eb="1">
      <t>イ</t>
    </rPh>
    <rPh sb="1" eb="2">
      <t>ココロザシ</t>
    </rPh>
    <rPh sb="2" eb="3">
      <t>タ</t>
    </rPh>
    <phoneticPr fontId="2"/>
  </si>
  <si>
    <t>単位制国際科
（国際バカロレアコース）</t>
    <rPh sb="0" eb="3">
      <t>タンイセイ</t>
    </rPh>
    <rPh sb="3" eb="5">
      <t>コクサイ</t>
    </rPh>
    <rPh sb="5" eb="6">
      <t>カ</t>
    </rPh>
    <rPh sb="8" eb="10">
      <t>コクサイ</t>
    </rPh>
    <phoneticPr fontId="2"/>
  </si>
  <si>
    <t>１　普通科（単位制を除く。）</t>
    <phoneticPr fontId="2"/>
  </si>
  <si>
    <t>２　農業に関する学科</t>
    <phoneticPr fontId="2"/>
  </si>
  <si>
    <t>７　福祉に関する学科</t>
    <phoneticPr fontId="2"/>
  </si>
  <si>
    <t>８　体育に関する学科</t>
    <rPh sb="2" eb="4">
      <t>タイイク</t>
    </rPh>
    <phoneticPr fontId="2"/>
  </si>
  <si>
    <t>９　美術に関する学科</t>
    <rPh sb="2" eb="4">
      <t>ビジュツ</t>
    </rPh>
    <phoneticPr fontId="2"/>
  </si>
  <si>
    <t>３　工業に関する学科</t>
    <phoneticPr fontId="2"/>
  </si>
  <si>
    <t>10　単位制による普通科</t>
    <phoneticPr fontId="2"/>
  </si>
  <si>
    <t>11　単位制による総合学科</t>
    <rPh sb="3" eb="6">
      <t>タンイセイ</t>
    </rPh>
    <phoneticPr fontId="2"/>
  </si>
  <si>
    <t>12　単位制による農業に関する学科</t>
    <rPh sb="9" eb="11">
      <t>ノウギョウ</t>
    </rPh>
    <rPh sb="12" eb="13">
      <t>カン</t>
    </rPh>
    <rPh sb="15" eb="17">
      <t>ガッカ</t>
    </rPh>
    <phoneticPr fontId="2"/>
  </si>
  <si>
    <t>４　商業に関する学科</t>
    <phoneticPr fontId="2"/>
  </si>
  <si>
    <t>５　水産に関する学科</t>
    <rPh sb="2" eb="4">
      <t>スイサン</t>
    </rPh>
    <phoneticPr fontId="2"/>
  </si>
  <si>
    <t>13　単位制による家庭に関する学科</t>
    <rPh sb="9" eb="11">
      <t>カテイ</t>
    </rPh>
    <rPh sb="12" eb="13">
      <t>カン</t>
    </rPh>
    <rPh sb="15" eb="17">
      <t>ガッカ</t>
    </rPh>
    <phoneticPr fontId="2"/>
  </si>
  <si>
    <t>６　看護に関する学科</t>
    <rPh sb="2" eb="4">
      <t>カンゴ</t>
    </rPh>
    <phoneticPr fontId="2"/>
  </si>
  <si>
    <t>14　単位制による体育に関する学科</t>
    <rPh sb="9" eb="11">
      <t>タイイク</t>
    </rPh>
    <rPh sb="12" eb="13">
      <t>カン</t>
    </rPh>
    <rPh sb="15" eb="17">
      <t>ガッカ</t>
    </rPh>
    <phoneticPr fontId="2"/>
  </si>
  <si>
    <t>21　在県外国人等特別募集</t>
    <phoneticPr fontId="2"/>
  </si>
  <si>
    <t>16　単位制による美術に関する学科</t>
    <rPh sb="9" eb="11">
      <t>ビジュツ</t>
    </rPh>
    <rPh sb="12" eb="13">
      <t>カン</t>
    </rPh>
    <rPh sb="15" eb="17">
      <t>ガッカ</t>
    </rPh>
    <phoneticPr fontId="2"/>
  </si>
  <si>
    <t>15　単位制による音楽に関する学科</t>
    <rPh sb="9" eb="11">
      <t>オンガク</t>
    </rPh>
    <rPh sb="12" eb="13">
      <t>カン</t>
    </rPh>
    <rPh sb="15" eb="17">
      <t>ガッカ</t>
    </rPh>
    <phoneticPr fontId="2"/>
  </si>
  <si>
    <t>17　単位制による国際関係に関する学科</t>
    <rPh sb="9" eb="11">
      <t>コクサイ</t>
    </rPh>
    <rPh sb="11" eb="13">
      <t>カンケイ</t>
    </rPh>
    <rPh sb="14" eb="15">
      <t>カン</t>
    </rPh>
    <rPh sb="17" eb="19">
      <t>ガッカ</t>
    </rPh>
    <phoneticPr fontId="2"/>
  </si>
  <si>
    <t>18　単位制による総合産業に関する学科</t>
    <rPh sb="9" eb="11">
      <t>ソウゴウ</t>
    </rPh>
    <rPh sb="11" eb="13">
      <t>サンギョウ</t>
    </rPh>
    <rPh sb="14" eb="15">
      <t>カン</t>
    </rPh>
    <rPh sb="17" eb="19">
      <t>ガッカ</t>
    </rPh>
    <phoneticPr fontId="2"/>
  </si>
  <si>
    <t>19　単位制による舞台芸術に関する学科</t>
    <rPh sb="9" eb="11">
      <t>ブタイ</t>
    </rPh>
    <rPh sb="11" eb="13">
      <t>ゲイジュツ</t>
    </rPh>
    <rPh sb="14" eb="15">
      <t>カン</t>
    </rPh>
    <rPh sb="17" eb="19">
      <t>ガッカ</t>
    </rPh>
    <phoneticPr fontId="2"/>
  </si>
  <si>
    <t>20　海外帰国生徒特別募集</t>
    <phoneticPr fontId="2"/>
  </si>
  <si>
    <t>-</t>
    <phoneticPr fontId="2"/>
  </si>
  <si>
    <t>令和８年９月１日付け県立高等学校転入学・編入学者選抜実施計画（全日制の課程）</t>
    <phoneticPr fontId="2"/>
  </si>
  <si>
    <t>青葉総合</t>
    <rPh sb="0" eb="4">
      <t>アオバソウゴウ</t>
    </rPh>
    <phoneticPr fontId="2"/>
  </si>
  <si>
    <t>小田原北</t>
    <rPh sb="3" eb="4">
      <t>キタ</t>
    </rPh>
    <phoneticPr fontId="2"/>
  </si>
  <si>
    <t>総合学科</t>
    <phoneticPr fontId="2"/>
  </si>
  <si>
    <t>国際科（国際バカロレアコース）</t>
    <rPh sb="0" eb="1">
      <t>クニ</t>
    </rPh>
    <rPh sb="1" eb="2">
      <t>サイ</t>
    </rPh>
    <rPh sb="2" eb="3">
      <t>カ</t>
    </rPh>
    <rPh sb="4" eb="6">
      <t>コクサイ</t>
    </rPh>
    <phoneticPr fontId="2"/>
  </si>
  <si>
    <t>1,2</t>
    <phoneticPr fontId="2"/>
  </si>
  <si>
    <t>小田原北</t>
    <rPh sb="0" eb="4">
      <t>オダワラキタ</t>
    </rPh>
    <phoneticPr fontId="2"/>
  </si>
  <si>
    <t>建設科</t>
    <rPh sb="0" eb="2">
      <t>ケンセツ</t>
    </rPh>
    <rPh sb="2" eb="3">
      <t>カ</t>
    </rPh>
    <phoneticPr fontId="2"/>
  </si>
  <si>
    <t>無</t>
    <rPh sb="0" eb="1">
      <t>ナシ</t>
    </rPh>
    <phoneticPr fontId="2"/>
  </si>
  <si>
    <t>（令和８年５月29日現在）</t>
    <rPh sb="6" eb="7">
      <t>ガツ</t>
    </rPh>
    <rPh sb="9" eb="10">
      <t>ヒ</t>
    </rPh>
    <rPh sb="10" eb="12">
      <t>ゲンザイ</t>
    </rPh>
    <phoneticPr fontId="2"/>
  </si>
  <si>
    <t>　別紙１ の１の(1)のウの(ｲ)に該当する者（原則、異なる学科間で第１学年）</t>
    <phoneticPr fontId="2"/>
  </si>
  <si>
    <t>　別紙１ の１の(1)のア、イ、ウの(ｱ)及び(2)に該当する者</t>
    <rPh sb="1" eb="3">
      <t>ベッシ</t>
    </rPh>
    <rPh sb="21" eb="22">
      <t>オヨ</t>
    </rPh>
    <rPh sb="27" eb="29">
      <t>ガイトウ</t>
    </rPh>
    <rPh sb="31" eb="32">
      <t>モノ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Ｐゴシック"/>
      <family val="3"/>
      <charset val="128"/>
    </font>
    <font>
      <sz val="14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/>
      <diagonal/>
    </border>
    <border>
      <left/>
      <right style="double">
        <color indexed="64"/>
      </right>
      <top/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</borders>
  <cellStyleXfs count="1">
    <xf numFmtId="0" fontId="0" fillId="0" borderId="0"/>
  </cellStyleXfs>
  <cellXfs count="125">
    <xf numFmtId="0" fontId="0" fillId="0" borderId="0" xfId="0"/>
    <xf numFmtId="0" fontId="3" fillId="2" borderId="0" xfId="0" applyFont="1" applyFill="1"/>
    <xf numFmtId="0" fontId="3" fillId="2" borderId="0" xfId="0" applyFont="1" applyFill="1" applyAlignment="1">
      <alignment horizontal="center"/>
    </xf>
    <xf numFmtId="0" fontId="3" fillId="2" borderId="0" xfId="0" applyFont="1" applyFill="1" applyAlignment="1">
      <alignment horizontal="center" vertical="center"/>
    </xf>
    <xf numFmtId="0" fontId="3" fillId="2" borderId="5" xfId="0" applyFont="1" applyFill="1" applyBorder="1" applyAlignment="1">
      <alignment vertical="center"/>
    </xf>
    <xf numFmtId="0" fontId="3" fillId="2" borderId="0" xfId="0" applyFont="1" applyFill="1" applyBorder="1" applyAlignment="1">
      <alignment vertical="center"/>
    </xf>
    <xf numFmtId="0" fontId="3" fillId="2" borderId="0" xfId="0" applyFont="1" applyFill="1" applyAlignment="1">
      <alignment vertical="center"/>
    </xf>
    <xf numFmtId="0" fontId="4" fillId="2" borderId="0" xfId="0" applyFont="1" applyFill="1" applyAlignment="1">
      <alignment vertical="center"/>
    </xf>
    <xf numFmtId="0" fontId="1" fillId="0" borderId="1" xfId="0" applyFont="1" applyFill="1" applyBorder="1" applyAlignment="1">
      <alignment horizontal="center" vertical="center"/>
    </xf>
    <xf numFmtId="0" fontId="3" fillId="0" borderId="0" xfId="0" applyFont="1" applyFill="1"/>
    <xf numFmtId="0" fontId="3" fillId="0" borderId="0" xfId="0" applyFont="1" applyFill="1" applyAlignment="1">
      <alignment horizontal="center"/>
    </xf>
    <xf numFmtId="0" fontId="3" fillId="0" borderId="0" xfId="0" applyFont="1" applyFill="1" applyAlignment="1">
      <alignment horizontal="center" vertical="center"/>
    </xf>
    <xf numFmtId="0" fontId="3" fillId="0" borderId="2" xfId="0" applyFont="1" applyFill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left" vertical="center"/>
    </xf>
    <xf numFmtId="0" fontId="3" fillId="0" borderId="0" xfId="0" applyFont="1" applyFill="1" applyAlignment="1">
      <alignment vertical="center"/>
    </xf>
    <xf numFmtId="0" fontId="3" fillId="0" borderId="7" xfId="0" applyFont="1" applyFill="1" applyBorder="1" applyAlignment="1">
      <alignment vertical="center"/>
    </xf>
    <xf numFmtId="0" fontId="3" fillId="0" borderId="8" xfId="0" applyFont="1" applyFill="1" applyBorder="1" applyAlignment="1">
      <alignment vertical="center"/>
    </xf>
    <xf numFmtId="0" fontId="3" fillId="0" borderId="0" xfId="0" applyFont="1" applyFill="1" applyBorder="1"/>
    <xf numFmtId="0" fontId="3" fillId="0" borderId="0" xfId="0" applyFont="1" applyFill="1" applyBorder="1" applyAlignment="1">
      <alignment horizontal="center"/>
    </xf>
    <xf numFmtId="0" fontId="3" fillId="0" borderId="0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left" vertical="center"/>
    </xf>
    <xf numFmtId="0" fontId="3" fillId="0" borderId="4" xfId="0" applyFont="1" applyFill="1" applyBorder="1" applyAlignment="1">
      <alignment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left" vertical="center"/>
    </xf>
    <xf numFmtId="0" fontId="3" fillId="0" borderId="9" xfId="0" applyFont="1" applyFill="1" applyBorder="1" applyAlignment="1">
      <alignment vertical="center"/>
    </xf>
    <xf numFmtId="0" fontId="3" fillId="0" borderId="5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0" fontId="3" fillId="2" borderId="1" xfId="0" applyFont="1" applyFill="1" applyBorder="1" applyAlignment="1">
      <alignment vertical="center"/>
    </xf>
    <xf numFmtId="0" fontId="3" fillId="2" borderId="11" xfId="0" applyNumberFormat="1" applyFont="1" applyFill="1" applyBorder="1" applyAlignment="1">
      <alignment horizontal="center" vertical="center"/>
    </xf>
    <xf numFmtId="0" fontId="3" fillId="2" borderId="13" xfId="0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horizontal="left" vertical="center"/>
    </xf>
    <xf numFmtId="0" fontId="3" fillId="2" borderId="14" xfId="0" applyFont="1" applyFill="1" applyBorder="1" applyAlignment="1">
      <alignment horizontal="left" vertical="center"/>
    </xf>
    <xf numFmtId="0" fontId="3" fillId="2" borderId="14" xfId="0" applyNumberFormat="1" applyFont="1" applyFill="1" applyBorder="1" applyAlignment="1">
      <alignment horizontal="center" vertical="center"/>
    </xf>
    <xf numFmtId="0" fontId="3" fillId="2" borderId="1" xfId="0" applyNumberFormat="1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vertical="center"/>
    </xf>
    <xf numFmtId="0" fontId="3" fillId="2" borderId="1" xfId="0" applyFont="1" applyFill="1" applyBorder="1" applyAlignment="1">
      <alignment horizontal="center" vertical="center"/>
    </xf>
    <xf numFmtId="0" fontId="3" fillId="2" borderId="15" xfId="0" applyFont="1" applyFill="1" applyBorder="1" applyAlignment="1">
      <alignment vertical="center"/>
    </xf>
    <xf numFmtId="0" fontId="3" fillId="2" borderId="11" xfId="0" applyFont="1" applyFill="1" applyBorder="1" applyAlignment="1">
      <alignment vertical="center"/>
    </xf>
    <xf numFmtId="0" fontId="3" fillId="2" borderId="10" xfId="0" applyFont="1" applyFill="1" applyBorder="1" applyAlignment="1">
      <alignment horizontal="center" vertical="center"/>
    </xf>
    <xf numFmtId="0" fontId="3" fillId="2" borderId="15" xfId="0" applyFont="1" applyFill="1" applyBorder="1"/>
    <xf numFmtId="0" fontId="3" fillId="2" borderId="16" xfId="0" applyFont="1" applyFill="1" applyBorder="1" applyAlignment="1">
      <alignment vertical="center"/>
    </xf>
    <xf numFmtId="0" fontId="3" fillId="2" borderId="17" xfId="0" applyNumberFormat="1" applyFont="1" applyFill="1" applyBorder="1" applyAlignment="1">
      <alignment horizontal="center" vertical="center"/>
    </xf>
    <xf numFmtId="0" fontId="3" fillId="2" borderId="16" xfId="0" applyNumberFormat="1" applyFont="1" applyFill="1" applyBorder="1" applyAlignment="1">
      <alignment horizontal="center" vertical="center"/>
    </xf>
    <xf numFmtId="0" fontId="3" fillId="2" borderId="13" xfId="0" applyFont="1" applyFill="1" applyBorder="1" applyAlignment="1">
      <alignment vertical="center"/>
    </xf>
    <xf numFmtId="0" fontId="3" fillId="2" borderId="18" xfId="0" applyFont="1" applyFill="1" applyBorder="1" applyAlignment="1">
      <alignment vertical="center"/>
    </xf>
    <xf numFmtId="0" fontId="3" fillId="2" borderId="11" xfId="0" applyFont="1" applyFill="1" applyBorder="1" applyAlignment="1">
      <alignment horizontal="left" vertical="center"/>
    </xf>
    <xf numFmtId="0" fontId="3" fillId="2" borderId="17" xfId="0" applyFont="1" applyFill="1" applyBorder="1" applyAlignment="1">
      <alignment vertical="center"/>
    </xf>
    <xf numFmtId="0" fontId="3" fillId="2" borderId="19" xfId="0" applyFont="1" applyFill="1" applyBorder="1" applyAlignment="1">
      <alignment vertical="center"/>
    </xf>
    <xf numFmtId="0" fontId="3" fillId="2" borderId="10" xfId="0" applyNumberFormat="1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center" vertical="center"/>
    </xf>
    <xf numFmtId="0" fontId="3" fillId="2" borderId="13" xfId="0" applyNumberFormat="1" applyFont="1" applyFill="1" applyBorder="1" applyAlignment="1">
      <alignment horizontal="center" vertical="center"/>
    </xf>
    <xf numFmtId="0" fontId="3" fillId="2" borderId="14" xfId="0" applyFont="1" applyFill="1" applyBorder="1" applyAlignment="1">
      <alignment vertical="center"/>
    </xf>
    <xf numFmtId="0" fontId="3" fillId="2" borderId="20" xfId="0" applyFont="1" applyFill="1" applyBorder="1" applyAlignment="1">
      <alignment horizontal="center" vertical="center"/>
    </xf>
    <xf numFmtId="0" fontId="3" fillId="2" borderId="13" xfId="0" applyFont="1" applyFill="1" applyBorder="1" applyAlignment="1">
      <alignment horizontal="left" vertical="center"/>
    </xf>
    <xf numFmtId="0" fontId="3" fillId="2" borderId="0" xfId="0" applyFont="1" applyFill="1" applyBorder="1" applyAlignment="1">
      <alignment horizontal="left" vertical="center"/>
    </xf>
    <xf numFmtId="0" fontId="3" fillId="2" borderId="1" xfId="0" applyFont="1" applyFill="1" applyBorder="1" applyAlignment="1">
      <alignment horizontal="left" vertical="center"/>
    </xf>
    <xf numFmtId="0" fontId="3" fillId="2" borderId="0" xfId="0" applyFont="1" applyFill="1" applyAlignment="1">
      <alignment horizontal="left" vertical="center"/>
    </xf>
    <xf numFmtId="0" fontId="3" fillId="2" borderId="0" xfId="0" applyFont="1" applyFill="1" applyBorder="1" applyAlignment="1">
      <alignment horizontal="center"/>
    </xf>
    <xf numFmtId="0" fontId="3" fillId="2" borderId="34" xfId="0" applyFont="1" applyFill="1" applyBorder="1" applyAlignment="1">
      <alignment horizontal="left" vertical="center"/>
    </xf>
    <xf numFmtId="0" fontId="3" fillId="2" borderId="34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vertical="center" wrapText="1"/>
    </xf>
    <xf numFmtId="0" fontId="3" fillId="2" borderId="22" xfId="0" applyFont="1" applyFill="1" applyBorder="1" applyAlignment="1">
      <alignment vertical="center"/>
    </xf>
    <xf numFmtId="0" fontId="3" fillId="2" borderId="15" xfId="0" applyFont="1" applyFill="1" applyBorder="1" applyAlignment="1">
      <alignment horizontal="left" vertical="center"/>
    </xf>
    <xf numFmtId="0" fontId="3" fillId="2" borderId="15" xfId="0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vertical="center" wrapText="1"/>
    </xf>
    <xf numFmtId="0" fontId="3" fillId="2" borderId="10" xfId="0" applyFont="1" applyFill="1" applyBorder="1" applyAlignment="1">
      <alignment horizontal="center" vertical="center" wrapText="1"/>
    </xf>
    <xf numFmtId="0" fontId="3" fillId="2" borderId="15" xfId="0" applyFont="1" applyFill="1" applyBorder="1" applyAlignment="1">
      <alignment vertical="top"/>
    </xf>
    <xf numFmtId="0" fontId="3" fillId="2" borderId="15" xfId="0" applyFont="1" applyFill="1" applyBorder="1" applyAlignment="1">
      <alignment horizontal="left" vertical="center" shrinkToFit="1"/>
    </xf>
    <xf numFmtId="0" fontId="3" fillId="2" borderId="1" xfId="0" applyFont="1" applyFill="1" applyBorder="1" applyAlignment="1">
      <alignment horizontal="center" vertical="center" wrapText="1"/>
    </xf>
    <xf numFmtId="0" fontId="3" fillId="2" borderId="13" xfId="0" applyFont="1" applyFill="1" applyBorder="1" applyAlignment="1">
      <alignment vertical="center" wrapText="1"/>
    </xf>
    <xf numFmtId="0" fontId="3" fillId="2" borderId="13" xfId="0" applyFont="1" applyFill="1" applyBorder="1" applyAlignment="1">
      <alignment horizontal="center" vertical="center" wrapText="1"/>
    </xf>
    <xf numFmtId="0" fontId="3" fillId="2" borderId="13" xfId="0" applyFont="1" applyFill="1" applyBorder="1" applyAlignment="1">
      <alignment vertical="top"/>
    </xf>
    <xf numFmtId="0" fontId="4" fillId="2" borderId="0" xfId="0" applyFont="1" applyFill="1" applyBorder="1" applyAlignment="1">
      <alignment vertical="center" wrapText="1"/>
    </xf>
    <xf numFmtId="0" fontId="3" fillId="2" borderId="0" xfId="0" applyFont="1" applyFill="1" applyBorder="1" applyAlignment="1">
      <alignment horizontal="center" vertical="center" wrapText="1"/>
    </xf>
    <xf numFmtId="0" fontId="3" fillId="2" borderId="24" xfId="0" applyFont="1" applyFill="1" applyBorder="1" applyAlignment="1">
      <alignment vertical="center"/>
    </xf>
    <xf numFmtId="0" fontId="3" fillId="2" borderId="22" xfId="0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vertical="center" shrinkToFit="1"/>
    </xf>
    <xf numFmtId="0" fontId="3" fillId="2" borderId="1" xfId="0" applyFont="1" applyFill="1" applyBorder="1" applyAlignment="1">
      <alignment vertical="center" shrinkToFit="1"/>
    </xf>
    <xf numFmtId="0" fontId="3" fillId="2" borderId="29" xfId="0" applyFont="1" applyFill="1" applyBorder="1" applyAlignment="1">
      <alignment vertical="center"/>
    </xf>
    <xf numFmtId="0" fontId="3" fillId="2" borderId="29" xfId="0" applyFont="1" applyFill="1" applyBorder="1" applyAlignment="1">
      <alignment horizontal="center" vertical="center"/>
    </xf>
    <xf numFmtId="0" fontId="5" fillId="2" borderId="13" xfId="0" applyFont="1" applyFill="1" applyBorder="1" applyAlignment="1">
      <alignment vertical="center" wrapText="1"/>
    </xf>
    <xf numFmtId="0" fontId="0" fillId="2" borderId="0" xfId="0" applyFill="1" applyBorder="1" applyAlignment="1">
      <alignment horizontal="left" vertical="center"/>
    </xf>
    <xf numFmtId="0" fontId="3" fillId="2" borderId="1" xfId="0" applyFont="1" applyFill="1" applyBorder="1" applyAlignment="1">
      <alignment horizontal="distributed" vertical="center"/>
    </xf>
    <xf numFmtId="0" fontId="4" fillId="2" borderId="1" xfId="0" applyFont="1" applyFill="1" applyBorder="1" applyAlignment="1">
      <alignment vertical="center" shrinkToFit="1"/>
    </xf>
    <xf numFmtId="0" fontId="3" fillId="2" borderId="0" xfId="0" applyFont="1" applyFill="1" applyAlignment="1">
      <alignment horizontal="left" vertical="top" wrapText="1"/>
    </xf>
    <xf numFmtId="0" fontId="3" fillId="2" borderId="10" xfId="0" applyFont="1" applyFill="1" applyBorder="1" applyAlignment="1">
      <alignment vertical="center"/>
    </xf>
    <xf numFmtId="0" fontId="3" fillId="2" borderId="37" xfId="0" applyFont="1" applyFill="1" applyBorder="1" applyAlignment="1">
      <alignment vertical="center"/>
    </xf>
    <xf numFmtId="0" fontId="3" fillId="0" borderId="5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0" fontId="3" fillId="2" borderId="10" xfId="0" applyFont="1" applyFill="1" applyBorder="1" applyAlignment="1">
      <alignment horizontal="center" vertical="center"/>
    </xf>
    <xf numFmtId="0" fontId="3" fillId="2" borderId="13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right"/>
    </xf>
    <xf numFmtId="0" fontId="3" fillId="2" borderId="11" xfId="0" applyFont="1" applyFill="1" applyBorder="1" applyAlignment="1">
      <alignment horizontal="center" vertical="center"/>
    </xf>
    <xf numFmtId="0" fontId="3" fillId="2" borderId="12" xfId="0" applyFont="1" applyFill="1" applyBorder="1" applyAlignment="1">
      <alignment horizontal="center" vertical="center"/>
    </xf>
    <xf numFmtId="0" fontId="3" fillId="2" borderId="17" xfId="0" applyFont="1" applyFill="1" applyBorder="1" applyAlignment="1">
      <alignment horizontal="center" vertical="center"/>
    </xf>
    <xf numFmtId="0" fontId="3" fillId="2" borderId="21" xfId="0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horizontal="left" vertical="top"/>
    </xf>
    <xf numFmtId="0" fontId="3" fillId="2" borderId="15" xfId="0" applyFont="1" applyFill="1" applyBorder="1" applyAlignment="1">
      <alignment horizontal="left" vertical="top"/>
    </xf>
    <xf numFmtId="0" fontId="3" fillId="2" borderId="13" xfId="0" applyFont="1" applyFill="1" applyBorder="1" applyAlignment="1">
      <alignment horizontal="left" vertical="top"/>
    </xf>
    <xf numFmtId="0" fontId="3" fillId="2" borderId="10" xfId="0" applyFont="1" applyFill="1" applyBorder="1" applyAlignment="1">
      <alignment vertical="top"/>
    </xf>
    <xf numFmtId="0" fontId="3" fillId="2" borderId="13" xfId="0" applyFont="1" applyFill="1" applyBorder="1" applyAlignment="1">
      <alignment vertical="top"/>
    </xf>
    <xf numFmtId="0" fontId="3" fillId="2" borderId="14" xfId="0" applyFont="1" applyFill="1" applyBorder="1" applyAlignment="1">
      <alignment horizontal="center" vertical="center"/>
    </xf>
    <xf numFmtId="0" fontId="3" fillId="2" borderId="23" xfId="0" applyFont="1" applyFill="1" applyBorder="1" applyAlignment="1">
      <alignment horizontal="center" vertical="center"/>
    </xf>
    <xf numFmtId="0" fontId="3" fillId="2" borderId="27" xfId="0" applyFont="1" applyFill="1" applyBorder="1" applyAlignment="1">
      <alignment horizontal="center" vertical="center"/>
    </xf>
    <xf numFmtId="0" fontId="3" fillId="2" borderId="35" xfId="0" applyFont="1" applyFill="1" applyBorder="1" applyAlignment="1">
      <alignment horizontal="center" vertical="center"/>
    </xf>
    <xf numFmtId="0" fontId="3" fillId="2" borderId="36" xfId="0" applyFont="1" applyFill="1" applyBorder="1" applyAlignment="1">
      <alignment horizontal="center" vertical="center"/>
    </xf>
    <xf numFmtId="0" fontId="3" fillId="2" borderId="11" xfId="0" applyNumberFormat="1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/>
    </xf>
    <xf numFmtId="0" fontId="3" fillId="2" borderId="12" xfId="0" applyFont="1" applyFill="1" applyBorder="1" applyAlignment="1">
      <alignment horizontal="center"/>
    </xf>
    <xf numFmtId="0" fontId="3" fillId="2" borderId="25" xfId="0" applyFont="1" applyFill="1" applyBorder="1" applyAlignment="1">
      <alignment horizontal="center" vertical="center"/>
    </xf>
    <xf numFmtId="0" fontId="3" fillId="2" borderId="26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 shrinkToFit="1"/>
    </xf>
    <xf numFmtId="0" fontId="3" fillId="2" borderId="12" xfId="0" applyFont="1" applyFill="1" applyBorder="1" applyAlignment="1">
      <alignment horizontal="center" vertical="center" shrinkToFit="1"/>
    </xf>
    <xf numFmtId="0" fontId="3" fillId="2" borderId="30" xfId="0" applyFont="1" applyFill="1" applyBorder="1" applyAlignment="1">
      <alignment horizontal="center" vertical="center" shrinkToFit="1"/>
    </xf>
    <xf numFmtId="0" fontId="3" fillId="2" borderId="31" xfId="0" applyFont="1" applyFill="1" applyBorder="1" applyAlignment="1">
      <alignment horizontal="center" vertical="center" shrinkToFit="1"/>
    </xf>
    <xf numFmtId="0" fontId="3" fillId="2" borderId="32" xfId="0" applyFont="1" applyFill="1" applyBorder="1" applyAlignment="1">
      <alignment horizontal="center" vertical="center"/>
    </xf>
    <xf numFmtId="0" fontId="3" fillId="2" borderId="33" xfId="0" applyFont="1" applyFill="1" applyBorder="1" applyAlignment="1">
      <alignment horizontal="center" vertical="center"/>
    </xf>
    <xf numFmtId="0" fontId="3" fillId="2" borderId="19" xfId="0" applyFont="1" applyFill="1" applyBorder="1" applyAlignment="1">
      <alignment horizontal="center" vertical="center"/>
    </xf>
    <xf numFmtId="0" fontId="3" fillId="2" borderId="28" xfId="0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horizontal="left" vertical="center"/>
    </xf>
    <xf numFmtId="0" fontId="3" fillId="2" borderId="13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38043</xdr:colOff>
      <xdr:row>6</xdr:row>
      <xdr:rowOff>226391</xdr:rowOff>
    </xdr:from>
    <xdr:to>
      <xdr:col>0</xdr:col>
      <xdr:colOff>596348</xdr:colOff>
      <xdr:row>8</xdr:row>
      <xdr:rowOff>16565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138043" y="1728620"/>
          <a:ext cx="458305" cy="247374"/>
        </a:xfrm>
        <a:prstGeom prst="rect">
          <a:avLst/>
        </a:prstGeom>
        <a:noFill/>
        <a:ln w="127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  <xdr:twoCellAnchor>
    <xdr:from>
      <xdr:col>0</xdr:col>
      <xdr:colOff>138043</xdr:colOff>
      <xdr:row>6</xdr:row>
      <xdr:rowOff>226391</xdr:rowOff>
    </xdr:from>
    <xdr:to>
      <xdr:col>0</xdr:col>
      <xdr:colOff>596348</xdr:colOff>
      <xdr:row>8</xdr:row>
      <xdr:rowOff>16565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/>
      </xdr:nvSpPr>
      <xdr:spPr>
        <a:xfrm>
          <a:off x="138043" y="1728620"/>
          <a:ext cx="458305" cy="247374"/>
        </a:xfrm>
        <a:prstGeom prst="rect">
          <a:avLst/>
        </a:prstGeom>
        <a:noFill/>
        <a:ln w="127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  <xdr:twoCellAnchor>
    <xdr:from>
      <xdr:col>0</xdr:col>
      <xdr:colOff>138043</xdr:colOff>
      <xdr:row>6</xdr:row>
      <xdr:rowOff>226391</xdr:rowOff>
    </xdr:from>
    <xdr:to>
      <xdr:col>0</xdr:col>
      <xdr:colOff>596348</xdr:colOff>
      <xdr:row>8</xdr:row>
      <xdr:rowOff>16565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 txBox="1"/>
      </xdr:nvSpPr>
      <xdr:spPr>
        <a:xfrm>
          <a:off x="138043" y="1728620"/>
          <a:ext cx="458305" cy="247374"/>
        </a:xfrm>
        <a:prstGeom prst="rect">
          <a:avLst/>
        </a:prstGeom>
        <a:noFill/>
        <a:ln w="127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  <xdr:twoCellAnchor>
    <xdr:from>
      <xdr:col>0</xdr:col>
      <xdr:colOff>128066</xdr:colOff>
      <xdr:row>3</xdr:row>
      <xdr:rowOff>224117</xdr:rowOff>
    </xdr:from>
    <xdr:to>
      <xdr:col>0</xdr:col>
      <xdr:colOff>586371</xdr:colOff>
      <xdr:row>5</xdr:row>
      <xdr:rowOff>7609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/>
      </xdr:nvSpPr>
      <xdr:spPr>
        <a:xfrm>
          <a:off x="128066" y="1146201"/>
          <a:ext cx="458305" cy="244534"/>
        </a:xfrm>
        <a:prstGeom prst="rect">
          <a:avLst/>
        </a:prstGeom>
        <a:noFill/>
        <a:ln w="127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B050"/>
  </sheetPr>
  <dimension ref="A1:M250"/>
  <sheetViews>
    <sheetView tabSelected="1" view="pageBreakPreview" topLeftCell="A151" zoomScale="110" zoomScaleNormal="115" zoomScaleSheetLayoutView="110" workbookViewId="0">
      <selection activeCell="F137" sqref="F137"/>
    </sheetView>
  </sheetViews>
  <sheetFormatPr defaultColWidth="9" defaultRowHeight="13.2" x14ac:dyDescent="0.2"/>
  <cols>
    <col min="1" max="1" width="14.21875" style="1" customWidth="1"/>
    <col min="2" max="2" width="30.21875" style="1" customWidth="1"/>
    <col min="3" max="3" width="8.6640625" style="1" customWidth="1"/>
    <col min="4" max="4" width="8.6640625" style="2" customWidth="1"/>
    <col min="5" max="5" width="6.77734375" style="1" customWidth="1"/>
    <col min="6" max="6" width="14.21875" style="1" customWidth="1"/>
    <col min="7" max="7" width="30.21875" style="1" customWidth="1"/>
    <col min="8" max="8" width="8.6640625" style="1" customWidth="1"/>
    <col min="9" max="9" width="8.6640625" style="3" customWidth="1"/>
    <col min="10" max="10" width="2.88671875" style="1" customWidth="1"/>
    <col min="11" max="15" width="11.77734375" style="1" customWidth="1"/>
    <col min="16" max="16384" width="9" style="1"/>
  </cols>
  <sheetData>
    <row r="1" spans="1:13" ht="35.25" customHeight="1" x14ac:dyDescent="0.2">
      <c r="A1" s="8" t="s">
        <v>0</v>
      </c>
      <c r="B1" s="9"/>
      <c r="C1" s="9"/>
      <c r="D1" s="10"/>
      <c r="E1" s="9"/>
      <c r="F1" s="9"/>
      <c r="G1" s="9"/>
      <c r="H1" s="9"/>
      <c r="I1" s="11"/>
    </row>
    <row r="2" spans="1:13" ht="18.75" customHeight="1" x14ac:dyDescent="0.2">
      <c r="A2" s="9" t="s">
        <v>259</v>
      </c>
      <c r="B2" s="18"/>
      <c r="C2" s="18"/>
      <c r="D2" s="10"/>
      <c r="E2" s="9"/>
      <c r="F2" s="9"/>
      <c r="G2" s="9"/>
      <c r="H2" s="9"/>
      <c r="I2" s="11"/>
    </row>
    <row r="3" spans="1:13" ht="18.75" customHeight="1" thickBot="1" x14ac:dyDescent="0.25">
      <c r="A3" s="18"/>
      <c r="B3" s="9"/>
      <c r="C3" s="9"/>
      <c r="D3" s="19"/>
      <c r="E3" s="18"/>
      <c r="F3" s="18"/>
      <c r="G3" s="18"/>
      <c r="H3" s="18"/>
      <c r="I3" s="20"/>
    </row>
    <row r="4" spans="1:13" s="6" customFormat="1" ht="18" customHeight="1" thickTop="1" x14ac:dyDescent="0.2">
      <c r="A4" s="12" t="s">
        <v>111</v>
      </c>
      <c r="B4" s="13"/>
      <c r="C4" s="21"/>
      <c r="D4" s="21"/>
      <c r="E4" s="13"/>
      <c r="F4" s="22"/>
      <c r="G4" s="13"/>
      <c r="H4" s="13"/>
      <c r="I4" s="23"/>
      <c r="J4" s="4"/>
      <c r="K4" s="5"/>
      <c r="L4" s="5"/>
      <c r="M4" s="5"/>
    </row>
    <row r="5" spans="1:13" s="6" customFormat="1" ht="18" customHeight="1" x14ac:dyDescent="0.2">
      <c r="A5" s="90" t="s">
        <v>270</v>
      </c>
      <c r="B5" s="91"/>
      <c r="C5" s="91"/>
      <c r="D5" s="91"/>
      <c r="E5" s="91"/>
      <c r="F5" s="91"/>
      <c r="G5" s="91"/>
      <c r="H5" s="91"/>
      <c r="I5" s="92"/>
      <c r="J5" s="4"/>
      <c r="K5" s="5"/>
      <c r="L5" s="5"/>
      <c r="M5" s="5"/>
    </row>
    <row r="6" spans="1:13" s="6" customFormat="1" ht="10.5" customHeight="1" x14ac:dyDescent="0.2">
      <c r="A6" s="27"/>
      <c r="B6" s="28"/>
      <c r="C6" s="20"/>
      <c r="D6" s="20"/>
      <c r="E6" s="28"/>
      <c r="F6" s="14"/>
      <c r="G6" s="28"/>
      <c r="H6" s="28"/>
      <c r="I6" s="29"/>
      <c r="J6" s="4"/>
      <c r="K6" s="5"/>
      <c r="L6" s="5"/>
      <c r="M6" s="5"/>
    </row>
    <row r="7" spans="1:13" s="6" customFormat="1" ht="18" customHeight="1" x14ac:dyDescent="0.2">
      <c r="A7" s="27" t="s">
        <v>112</v>
      </c>
      <c r="B7" s="28"/>
      <c r="C7" s="20"/>
      <c r="D7" s="20"/>
      <c r="E7" s="28"/>
      <c r="F7" s="14"/>
      <c r="G7" s="28"/>
      <c r="H7" s="28"/>
      <c r="I7" s="29"/>
      <c r="J7" s="4"/>
      <c r="K7" s="5"/>
      <c r="L7" s="5"/>
      <c r="M7" s="5"/>
    </row>
    <row r="8" spans="1:13" s="6" customFormat="1" ht="18" customHeight="1" x14ac:dyDescent="0.2">
      <c r="A8" s="90" t="s">
        <v>269</v>
      </c>
      <c r="B8" s="91"/>
      <c r="C8" s="91"/>
      <c r="D8" s="91"/>
      <c r="E8" s="91"/>
      <c r="F8" s="91"/>
      <c r="G8" s="91"/>
      <c r="H8" s="91"/>
      <c r="I8" s="92"/>
      <c r="J8" s="4"/>
      <c r="K8" s="5"/>
      <c r="L8" s="5"/>
      <c r="M8" s="5"/>
    </row>
    <row r="9" spans="1:13" s="7" customFormat="1" ht="18.600000000000001" customHeight="1" x14ac:dyDescent="0.2">
      <c r="A9" s="27" t="s">
        <v>1</v>
      </c>
      <c r="B9" s="28"/>
      <c r="C9" s="20"/>
      <c r="D9" s="20"/>
      <c r="E9" s="28"/>
      <c r="F9" s="28"/>
      <c r="G9" s="28"/>
      <c r="H9" s="28"/>
      <c r="I9" s="29"/>
      <c r="J9" s="4"/>
      <c r="K9" s="5"/>
    </row>
    <row r="10" spans="1:13" s="6" customFormat="1" ht="6.45" customHeight="1" thickBot="1" x14ac:dyDescent="0.25">
      <c r="A10" s="16"/>
      <c r="B10" s="17"/>
      <c r="C10" s="24"/>
      <c r="D10" s="24"/>
      <c r="E10" s="17"/>
      <c r="F10" s="25"/>
      <c r="G10" s="17"/>
      <c r="H10" s="17"/>
      <c r="I10" s="26"/>
      <c r="J10" s="4"/>
      <c r="K10" s="5"/>
      <c r="L10" s="5"/>
      <c r="M10" s="5"/>
    </row>
    <row r="11" spans="1:13" ht="17.7" customHeight="1" thickTop="1" x14ac:dyDescent="0.2">
      <c r="A11" s="18"/>
      <c r="B11" s="18"/>
      <c r="C11" s="18"/>
      <c r="D11" s="19"/>
      <c r="E11" s="18"/>
      <c r="F11" s="18"/>
      <c r="G11" s="95" t="s">
        <v>268</v>
      </c>
      <c r="H11" s="95"/>
      <c r="I11" s="95"/>
    </row>
    <row r="12" spans="1:13" ht="18.75" customHeight="1" x14ac:dyDescent="0.2">
      <c r="A12" s="9" t="s">
        <v>237</v>
      </c>
      <c r="B12" s="9"/>
      <c r="C12" s="9"/>
      <c r="D12" s="10"/>
      <c r="E12" s="9"/>
      <c r="F12" s="9"/>
      <c r="G12" s="9"/>
      <c r="H12" s="9"/>
      <c r="I12" s="11"/>
    </row>
    <row r="13" spans="1:13" ht="18.75" customHeight="1" x14ac:dyDescent="0.2">
      <c r="A13" s="93" t="s">
        <v>2</v>
      </c>
      <c r="B13" s="93" t="s">
        <v>161</v>
      </c>
      <c r="C13" s="96" t="s">
        <v>3</v>
      </c>
      <c r="D13" s="97"/>
      <c r="E13" s="3"/>
      <c r="F13" s="93" t="s">
        <v>2</v>
      </c>
      <c r="G13" s="93" t="s">
        <v>161</v>
      </c>
      <c r="H13" s="96" t="s">
        <v>3</v>
      </c>
      <c r="I13" s="97"/>
    </row>
    <row r="14" spans="1:13" ht="18.75" customHeight="1" x14ac:dyDescent="0.2">
      <c r="A14" s="94"/>
      <c r="B14" s="94"/>
      <c r="C14" s="32" t="s">
        <v>4</v>
      </c>
      <c r="D14" s="32" t="s">
        <v>5</v>
      </c>
      <c r="E14" s="3"/>
      <c r="F14" s="94"/>
      <c r="G14" s="94"/>
      <c r="H14" s="32" t="s">
        <v>6</v>
      </c>
      <c r="I14" s="32" t="s">
        <v>5</v>
      </c>
    </row>
    <row r="15" spans="1:13" ht="18" customHeight="1" x14ac:dyDescent="0.2">
      <c r="A15" s="33" t="s">
        <v>7</v>
      </c>
      <c r="B15" s="34" t="s">
        <v>128</v>
      </c>
      <c r="C15" s="35" t="s">
        <v>114</v>
      </c>
      <c r="D15" s="36">
        <v>1</v>
      </c>
      <c r="E15" s="6"/>
      <c r="F15" s="37" t="s">
        <v>8</v>
      </c>
      <c r="G15" s="30" t="s">
        <v>162</v>
      </c>
      <c r="H15" s="38" t="s">
        <v>114</v>
      </c>
      <c r="I15" s="38">
        <v>1</v>
      </c>
    </row>
    <row r="16" spans="1:13" ht="18" customHeight="1" x14ac:dyDescent="0.2">
      <c r="A16" s="39"/>
      <c r="B16" s="40" t="s">
        <v>9</v>
      </c>
      <c r="C16" s="31" t="s">
        <v>114</v>
      </c>
      <c r="D16" s="36">
        <v>1</v>
      </c>
      <c r="E16" s="6"/>
      <c r="F16" s="39" t="s">
        <v>10</v>
      </c>
      <c r="G16" s="30" t="s">
        <v>11</v>
      </c>
      <c r="H16" s="38" t="s">
        <v>114</v>
      </c>
      <c r="I16" s="38">
        <v>1</v>
      </c>
    </row>
    <row r="17" spans="1:9" ht="18" customHeight="1" x14ac:dyDescent="0.2">
      <c r="A17" s="39"/>
      <c r="B17" s="40" t="s">
        <v>129</v>
      </c>
      <c r="C17" s="31" t="s">
        <v>114</v>
      </c>
      <c r="D17" s="36">
        <v>1</v>
      </c>
      <c r="E17" s="6"/>
      <c r="F17" s="39"/>
      <c r="G17" s="30" t="s">
        <v>163</v>
      </c>
      <c r="H17" s="38" t="s">
        <v>114</v>
      </c>
      <c r="I17" s="38">
        <v>1</v>
      </c>
    </row>
    <row r="18" spans="1:9" ht="18" customHeight="1" x14ac:dyDescent="0.2">
      <c r="A18" s="39"/>
      <c r="B18" s="40" t="s">
        <v>130</v>
      </c>
      <c r="C18" s="31" t="s">
        <v>114</v>
      </c>
      <c r="D18" s="36">
        <v>1</v>
      </c>
      <c r="E18" s="6"/>
      <c r="F18" s="39"/>
      <c r="G18" s="30" t="s">
        <v>164</v>
      </c>
      <c r="H18" s="38">
        <v>3</v>
      </c>
      <c r="I18" s="38" t="s">
        <v>119</v>
      </c>
    </row>
    <row r="19" spans="1:9" ht="18" customHeight="1" x14ac:dyDescent="0.2">
      <c r="A19" s="39"/>
      <c r="B19" s="40" t="s">
        <v>131</v>
      </c>
      <c r="C19" s="31" t="s">
        <v>114</v>
      </c>
      <c r="D19" s="36">
        <v>1</v>
      </c>
      <c r="E19" s="6"/>
      <c r="F19" s="39"/>
      <c r="G19" s="30" t="s">
        <v>165</v>
      </c>
      <c r="H19" s="41" t="s">
        <v>115</v>
      </c>
      <c r="I19" s="38">
        <v>1</v>
      </c>
    </row>
    <row r="20" spans="1:9" ht="18" customHeight="1" x14ac:dyDescent="0.2">
      <c r="A20" s="39"/>
      <c r="B20" s="40" t="s">
        <v>132</v>
      </c>
      <c r="C20" s="31" t="s">
        <v>114</v>
      </c>
      <c r="D20" s="36">
        <v>1</v>
      </c>
      <c r="E20" s="6"/>
      <c r="F20" s="42"/>
      <c r="G20" s="30" t="s">
        <v>166</v>
      </c>
      <c r="H20" s="41" t="s">
        <v>114</v>
      </c>
      <c r="I20" s="38">
        <v>1</v>
      </c>
    </row>
    <row r="21" spans="1:9" ht="18" customHeight="1" x14ac:dyDescent="0.2">
      <c r="A21" s="39"/>
      <c r="B21" s="40" t="s">
        <v>133</v>
      </c>
      <c r="C21" s="31" t="s">
        <v>114</v>
      </c>
      <c r="D21" s="36">
        <v>1</v>
      </c>
      <c r="E21" s="6"/>
      <c r="F21" s="39"/>
      <c r="G21" s="30" t="s">
        <v>167</v>
      </c>
      <c r="H21" s="38" t="s">
        <v>114</v>
      </c>
      <c r="I21" s="38">
        <v>1</v>
      </c>
    </row>
    <row r="22" spans="1:9" ht="18" customHeight="1" x14ac:dyDescent="0.2">
      <c r="A22" s="39"/>
      <c r="B22" s="43" t="s">
        <v>134</v>
      </c>
      <c r="C22" s="44" t="s">
        <v>114</v>
      </c>
      <c r="D22" s="36">
        <v>1</v>
      </c>
      <c r="E22" s="6"/>
      <c r="F22" s="39"/>
      <c r="G22" s="30" t="s">
        <v>10</v>
      </c>
      <c r="H22" s="38" t="s">
        <v>114</v>
      </c>
      <c r="I22" s="38">
        <v>1</v>
      </c>
    </row>
    <row r="23" spans="1:9" ht="18" customHeight="1" x14ac:dyDescent="0.2">
      <c r="A23" s="39"/>
      <c r="B23" s="40" t="s">
        <v>135</v>
      </c>
      <c r="C23" s="31" t="s">
        <v>115</v>
      </c>
      <c r="D23" s="36">
        <v>1</v>
      </c>
      <c r="E23" s="6"/>
      <c r="F23" s="39"/>
      <c r="G23" s="30" t="s">
        <v>12</v>
      </c>
      <c r="H23" s="38" t="s">
        <v>114</v>
      </c>
      <c r="I23" s="38">
        <v>1</v>
      </c>
    </row>
    <row r="24" spans="1:9" ht="18" customHeight="1" x14ac:dyDescent="0.2">
      <c r="A24" s="39"/>
      <c r="B24" s="40" t="s">
        <v>260</v>
      </c>
      <c r="C24" s="31" t="s">
        <v>124</v>
      </c>
      <c r="D24" s="36" t="s">
        <v>258</v>
      </c>
      <c r="E24" s="6"/>
      <c r="F24" s="39"/>
      <c r="G24" s="30" t="s">
        <v>168</v>
      </c>
      <c r="H24" s="38" t="s">
        <v>114</v>
      </c>
      <c r="I24" s="38">
        <v>1</v>
      </c>
    </row>
    <row r="25" spans="1:9" ht="18" customHeight="1" x14ac:dyDescent="0.2">
      <c r="A25" s="39"/>
      <c r="B25" s="40" t="s">
        <v>136</v>
      </c>
      <c r="C25" s="31" t="s">
        <v>114</v>
      </c>
      <c r="D25" s="36">
        <v>1</v>
      </c>
      <c r="E25" s="6"/>
      <c r="F25" s="39"/>
      <c r="G25" s="30" t="s">
        <v>13</v>
      </c>
      <c r="H25" s="38" t="s">
        <v>114</v>
      </c>
      <c r="I25" s="38">
        <v>1</v>
      </c>
    </row>
    <row r="26" spans="1:9" ht="18" customHeight="1" x14ac:dyDescent="0.2">
      <c r="A26" s="39"/>
      <c r="B26" s="40" t="s">
        <v>137</v>
      </c>
      <c r="C26" s="31" t="s">
        <v>115</v>
      </c>
      <c r="D26" s="36">
        <v>1</v>
      </c>
      <c r="E26" s="6"/>
      <c r="F26" s="39"/>
      <c r="G26" s="30" t="s">
        <v>169</v>
      </c>
      <c r="H26" s="38" t="s">
        <v>114</v>
      </c>
      <c r="I26" s="38">
        <v>1</v>
      </c>
    </row>
    <row r="27" spans="1:9" ht="18" customHeight="1" x14ac:dyDescent="0.2">
      <c r="A27" s="39"/>
      <c r="B27" s="43" t="s">
        <v>138</v>
      </c>
      <c r="C27" s="45" t="s">
        <v>114</v>
      </c>
      <c r="D27" s="36">
        <v>1</v>
      </c>
      <c r="E27" s="6"/>
      <c r="F27" s="37" t="s">
        <v>14</v>
      </c>
      <c r="G27" s="30" t="s">
        <v>15</v>
      </c>
      <c r="H27" s="38" t="s">
        <v>114</v>
      </c>
      <c r="I27" s="38">
        <v>1</v>
      </c>
    </row>
    <row r="28" spans="1:9" ht="18" customHeight="1" x14ac:dyDescent="0.2">
      <c r="A28" s="46"/>
      <c r="B28" s="40" t="s">
        <v>139</v>
      </c>
      <c r="C28" s="31" t="s">
        <v>114</v>
      </c>
      <c r="D28" s="36">
        <v>1</v>
      </c>
      <c r="E28" s="6"/>
      <c r="F28" s="39" t="s">
        <v>16</v>
      </c>
      <c r="G28" s="47" t="s">
        <v>170</v>
      </c>
      <c r="H28" s="41" t="s">
        <v>114</v>
      </c>
      <c r="I28" s="38">
        <v>1</v>
      </c>
    </row>
    <row r="29" spans="1:9" ht="18" customHeight="1" x14ac:dyDescent="0.2">
      <c r="A29" s="39" t="s">
        <v>17</v>
      </c>
      <c r="B29" s="40" t="s">
        <v>18</v>
      </c>
      <c r="C29" s="31" t="s">
        <v>114</v>
      </c>
      <c r="D29" s="36">
        <v>1</v>
      </c>
      <c r="E29" s="6"/>
      <c r="F29" s="39"/>
      <c r="G29" s="30" t="s">
        <v>171</v>
      </c>
      <c r="H29" s="41" t="s">
        <v>114</v>
      </c>
      <c r="I29" s="38">
        <v>1</v>
      </c>
    </row>
    <row r="30" spans="1:9" ht="18" customHeight="1" x14ac:dyDescent="0.2">
      <c r="A30" s="39"/>
      <c r="B30" s="40" t="s">
        <v>140</v>
      </c>
      <c r="C30" s="31" t="s">
        <v>264</v>
      </c>
      <c r="D30" s="36">
        <v>1</v>
      </c>
      <c r="E30" s="6"/>
      <c r="F30" s="39"/>
      <c r="G30" s="30" t="s">
        <v>172</v>
      </c>
      <c r="H30" s="38" t="s">
        <v>114</v>
      </c>
      <c r="I30" s="38">
        <v>1</v>
      </c>
    </row>
    <row r="31" spans="1:9" ht="18" customHeight="1" x14ac:dyDescent="0.2">
      <c r="A31" s="39"/>
      <c r="B31" s="48" t="s">
        <v>141</v>
      </c>
      <c r="C31" s="31" t="s">
        <v>114</v>
      </c>
      <c r="D31" s="36">
        <v>1</v>
      </c>
      <c r="E31" s="6"/>
      <c r="F31" s="39"/>
      <c r="G31" s="30" t="s">
        <v>173</v>
      </c>
      <c r="H31" s="38" t="s">
        <v>114</v>
      </c>
      <c r="I31" s="38">
        <v>1</v>
      </c>
    </row>
    <row r="32" spans="1:9" ht="18" customHeight="1" x14ac:dyDescent="0.2">
      <c r="A32" s="39"/>
      <c r="B32" s="40" t="s">
        <v>142</v>
      </c>
      <c r="C32" s="31" t="s">
        <v>114</v>
      </c>
      <c r="D32" s="36">
        <v>1</v>
      </c>
      <c r="E32" s="6"/>
      <c r="F32" s="39"/>
      <c r="G32" s="30" t="s">
        <v>19</v>
      </c>
      <c r="H32" s="38" t="s">
        <v>114</v>
      </c>
      <c r="I32" s="38">
        <v>1</v>
      </c>
    </row>
    <row r="33" spans="1:9" ht="18" customHeight="1" x14ac:dyDescent="0.2">
      <c r="A33" s="39"/>
      <c r="B33" s="40" t="s">
        <v>101</v>
      </c>
      <c r="C33" s="31" t="s">
        <v>114</v>
      </c>
      <c r="D33" s="36">
        <v>1</v>
      </c>
      <c r="E33" s="6"/>
      <c r="F33" s="42"/>
      <c r="G33" s="30" t="s">
        <v>16</v>
      </c>
      <c r="H33" s="38" t="s">
        <v>114</v>
      </c>
      <c r="I33" s="38">
        <v>1</v>
      </c>
    </row>
    <row r="34" spans="1:9" ht="18" customHeight="1" x14ac:dyDescent="0.2">
      <c r="A34" s="39"/>
      <c r="B34" s="40" t="s">
        <v>20</v>
      </c>
      <c r="C34" s="31" t="s">
        <v>115</v>
      </c>
      <c r="D34" s="36">
        <v>1</v>
      </c>
      <c r="E34" s="6"/>
      <c r="F34" s="42"/>
      <c r="G34" s="37" t="s">
        <v>174</v>
      </c>
      <c r="H34" s="41" t="s">
        <v>114</v>
      </c>
      <c r="I34" s="38">
        <v>1</v>
      </c>
    </row>
    <row r="35" spans="1:9" ht="18" customHeight="1" x14ac:dyDescent="0.2">
      <c r="A35" s="39"/>
      <c r="B35" s="40" t="s">
        <v>143</v>
      </c>
      <c r="C35" s="31" t="s">
        <v>114</v>
      </c>
      <c r="D35" s="36">
        <v>1</v>
      </c>
      <c r="E35" s="6"/>
      <c r="F35" s="37" t="s">
        <v>175</v>
      </c>
      <c r="G35" s="37" t="s">
        <v>21</v>
      </c>
      <c r="H35" s="41" t="s">
        <v>114</v>
      </c>
      <c r="I35" s="38">
        <v>1</v>
      </c>
    </row>
    <row r="36" spans="1:9" ht="18" customHeight="1" x14ac:dyDescent="0.2">
      <c r="A36" s="39"/>
      <c r="B36" s="40" t="s">
        <v>22</v>
      </c>
      <c r="C36" s="31" t="s">
        <v>114</v>
      </c>
      <c r="D36" s="36">
        <v>1</v>
      </c>
      <c r="E36" s="6"/>
      <c r="F36" s="39"/>
      <c r="G36" s="47" t="s">
        <v>176</v>
      </c>
      <c r="H36" s="41" t="s">
        <v>114</v>
      </c>
      <c r="I36" s="38">
        <v>1</v>
      </c>
    </row>
    <row r="37" spans="1:9" ht="18" customHeight="1" x14ac:dyDescent="0.2">
      <c r="A37" s="39"/>
      <c r="B37" s="40" t="s">
        <v>144</v>
      </c>
      <c r="C37" s="31" t="s">
        <v>114</v>
      </c>
      <c r="D37" s="36">
        <v>1</v>
      </c>
      <c r="E37" s="6"/>
      <c r="F37" s="39"/>
      <c r="G37" s="30" t="s">
        <v>177</v>
      </c>
      <c r="H37" s="38" t="s">
        <v>114</v>
      </c>
      <c r="I37" s="38">
        <v>1</v>
      </c>
    </row>
    <row r="38" spans="1:9" ht="18" customHeight="1" x14ac:dyDescent="0.2">
      <c r="A38" s="39"/>
      <c r="B38" s="43" t="s">
        <v>145</v>
      </c>
      <c r="C38" s="44" t="s">
        <v>114</v>
      </c>
      <c r="D38" s="36">
        <v>1</v>
      </c>
      <c r="E38" s="6"/>
      <c r="F38" s="39"/>
      <c r="G38" s="30" t="s">
        <v>265</v>
      </c>
      <c r="H38" s="38" t="s">
        <v>114</v>
      </c>
      <c r="I38" s="38">
        <v>1</v>
      </c>
    </row>
    <row r="39" spans="1:9" ht="18" customHeight="1" x14ac:dyDescent="0.2">
      <c r="A39" s="46"/>
      <c r="B39" s="40" t="s">
        <v>146</v>
      </c>
      <c r="C39" s="31" t="s">
        <v>114</v>
      </c>
      <c r="D39" s="36">
        <v>1</v>
      </c>
      <c r="E39" s="6"/>
      <c r="F39" s="46"/>
      <c r="G39" s="30" t="s">
        <v>178</v>
      </c>
      <c r="H39" s="38" t="s">
        <v>114</v>
      </c>
      <c r="I39" s="38">
        <v>1</v>
      </c>
    </row>
    <row r="40" spans="1:9" ht="18" customHeight="1" x14ac:dyDescent="0.2">
      <c r="A40" s="39" t="s">
        <v>23</v>
      </c>
      <c r="B40" s="49" t="s">
        <v>24</v>
      </c>
      <c r="C40" s="44" t="s">
        <v>114</v>
      </c>
      <c r="D40" s="36">
        <v>1</v>
      </c>
      <c r="E40" s="6"/>
      <c r="F40" s="49" t="s">
        <v>179</v>
      </c>
      <c r="G40" s="30" t="s">
        <v>180</v>
      </c>
      <c r="H40" s="41" t="s">
        <v>114</v>
      </c>
      <c r="I40" s="38">
        <v>1</v>
      </c>
    </row>
    <row r="41" spans="1:9" ht="18" customHeight="1" x14ac:dyDescent="0.2">
      <c r="A41" s="39"/>
      <c r="B41" s="40" t="s">
        <v>147</v>
      </c>
      <c r="C41" s="44">
        <v>3</v>
      </c>
      <c r="D41" s="36" t="s">
        <v>119</v>
      </c>
      <c r="E41" s="6"/>
      <c r="F41" s="50"/>
      <c r="G41" s="30" t="s">
        <v>113</v>
      </c>
      <c r="H41" s="38" t="s">
        <v>114</v>
      </c>
      <c r="I41" s="38">
        <v>1</v>
      </c>
    </row>
    <row r="42" spans="1:9" ht="18" customHeight="1" x14ac:dyDescent="0.2">
      <c r="A42" s="39"/>
      <c r="B42" s="40" t="s">
        <v>148</v>
      </c>
      <c r="C42" s="31" t="s">
        <v>115</v>
      </c>
      <c r="D42" s="36">
        <v>1</v>
      </c>
      <c r="E42" s="6"/>
      <c r="F42" s="50"/>
      <c r="G42" s="47" t="s">
        <v>181</v>
      </c>
      <c r="H42" s="41" t="s">
        <v>114</v>
      </c>
      <c r="I42" s="38">
        <v>1</v>
      </c>
    </row>
    <row r="43" spans="1:9" ht="18" customHeight="1" x14ac:dyDescent="0.2">
      <c r="A43" s="39"/>
      <c r="B43" s="30" t="s">
        <v>25</v>
      </c>
      <c r="C43" s="51" t="s">
        <v>114</v>
      </c>
      <c r="D43" s="36">
        <v>1</v>
      </c>
      <c r="E43" s="6"/>
      <c r="F43" s="50"/>
      <c r="G43" s="30" t="s">
        <v>182</v>
      </c>
      <c r="H43" s="38" t="s">
        <v>114</v>
      </c>
      <c r="I43" s="38">
        <v>1</v>
      </c>
    </row>
    <row r="44" spans="1:9" ht="18" customHeight="1" x14ac:dyDescent="0.2">
      <c r="A44" s="39"/>
      <c r="B44" s="30" t="s">
        <v>26</v>
      </c>
      <c r="C44" s="36" t="s">
        <v>114</v>
      </c>
      <c r="D44" s="36">
        <v>1</v>
      </c>
      <c r="E44" s="6"/>
      <c r="F44" s="50"/>
      <c r="G44" s="30" t="s">
        <v>183</v>
      </c>
      <c r="H44" s="41" t="s">
        <v>115</v>
      </c>
      <c r="I44" s="38">
        <v>1</v>
      </c>
    </row>
    <row r="45" spans="1:9" ht="18" customHeight="1" x14ac:dyDescent="0.2">
      <c r="A45" s="39"/>
      <c r="B45" s="30" t="s">
        <v>27</v>
      </c>
      <c r="C45" s="36" t="s">
        <v>114</v>
      </c>
      <c r="D45" s="36">
        <v>1</v>
      </c>
      <c r="E45" s="6"/>
      <c r="F45" s="50"/>
      <c r="G45" s="47" t="s">
        <v>184</v>
      </c>
      <c r="H45" s="41" t="s">
        <v>114</v>
      </c>
      <c r="I45" s="38">
        <v>1</v>
      </c>
    </row>
    <row r="46" spans="1:9" ht="18" customHeight="1" x14ac:dyDescent="0.2">
      <c r="A46" s="46"/>
      <c r="B46" s="30" t="s">
        <v>149</v>
      </c>
      <c r="C46" s="36" t="s">
        <v>114</v>
      </c>
      <c r="D46" s="36">
        <v>1</v>
      </c>
      <c r="E46" s="6"/>
      <c r="F46" s="39"/>
      <c r="G46" s="30" t="s">
        <v>185</v>
      </c>
      <c r="H46" s="38" t="s">
        <v>114</v>
      </c>
      <c r="I46" s="38">
        <v>1</v>
      </c>
    </row>
    <row r="47" spans="1:9" ht="18" customHeight="1" x14ac:dyDescent="0.2">
      <c r="A47" s="39" t="s">
        <v>186</v>
      </c>
      <c r="B47" s="30" t="s">
        <v>150</v>
      </c>
      <c r="C47" s="36" t="s">
        <v>114</v>
      </c>
      <c r="D47" s="36">
        <v>1</v>
      </c>
      <c r="E47" s="6"/>
      <c r="F47" s="39"/>
      <c r="G47" s="30" t="s">
        <v>187</v>
      </c>
      <c r="H47" s="38" t="s">
        <v>114</v>
      </c>
      <c r="I47" s="38">
        <v>1</v>
      </c>
    </row>
    <row r="48" spans="1:9" ht="18" customHeight="1" x14ac:dyDescent="0.2">
      <c r="A48" s="39"/>
      <c r="B48" s="30" t="s">
        <v>151</v>
      </c>
      <c r="C48" s="51" t="s">
        <v>114</v>
      </c>
      <c r="D48" s="36">
        <v>1</v>
      </c>
      <c r="E48" s="52"/>
      <c r="F48" s="50"/>
      <c r="G48" s="30" t="s">
        <v>188</v>
      </c>
      <c r="H48" s="38" t="s">
        <v>114</v>
      </c>
      <c r="I48" s="38">
        <v>1</v>
      </c>
    </row>
    <row r="49" spans="1:9" ht="18" customHeight="1" x14ac:dyDescent="0.2">
      <c r="A49" s="50"/>
      <c r="B49" s="30" t="s">
        <v>152</v>
      </c>
      <c r="C49" s="36" t="s">
        <v>114</v>
      </c>
      <c r="D49" s="36">
        <v>1</v>
      </c>
      <c r="E49" s="52"/>
      <c r="F49" s="50"/>
      <c r="G49" s="30" t="s">
        <v>189</v>
      </c>
      <c r="H49" s="38" t="s">
        <v>114</v>
      </c>
      <c r="I49" s="38">
        <v>1</v>
      </c>
    </row>
    <row r="50" spans="1:9" ht="18" customHeight="1" x14ac:dyDescent="0.2">
      <c r="A50" s="50"/>
      <c r="B50" s="30" t="s">
        <v>153</v>
      </c>
      <c r="C50" s="36" t="s">
        <v>114</v>
      </c>
      <c r="D50" s="36">
        <v>1</v>
      </c>
      <c r="E50" s="52"/>
      <c r="F50" s="50"/>
      <c r="G50" s="30" t="s">
        <v>190</v>
      </c>
      <c r="H50" s="38" t="s">
        <v>114</v>
      </c>
      <c r="I50" s="38">
        <v>1</v>
      </c>
    </row>
    <row r="51" spans="1:9" ht="18" customHeight="1" x14ac:dyDescent="0.2">
      <c r="A51" s="50"/>
      <c r="B51" s="30" t="s">
        <v>154</v>
      </c>
      <c r="C51" s="36" t="s">
        <v>114</v>
      </c>
      <c r="D51" s="36">
        <v>1</v>
      </c>
      <c r="E51" s="52"/>
      <c r="F51" s="50"/>
      <c r="G51" s="30" t="s">
        <v>191</v>
      </c>
      <c r="H51" s="41" t="s">
        <v>114</v>
      </c>
      <c r="I51" s="38">
        <v>1</v>
      </c>
    </row>
    <row r="52" spans="1:9" ht="18" customHeight="1" x14ac:dyDescent="0.2">
      <c r="A52" s="50"/>
      <c r="B52" s="46" t="s">
        <v>155</v>
      </c>
      <c r="C52" s="53" t="s">
        <v>114</v>
      </c>
      <c r="D52" s="36">
        <v>1</v>
      </c>
      <c r="E52" s="52"/>
      <c r="F52" s="50"/>
      <c r="G52" s="30" t="s">
        <v>192</v>
      </c>
      <c r="H52" s="38" t="s">
        <v>114</v>
      </c>
      <c r="I52" s="38">
        <v>1</v>
      </c>
    </row>
    <row r="53" spans="1:9" ht="18" customHeight="1" x14ac:dyDescent="0.2">
      <c r="A53" s="50"/>
      <c r="B53" s="30" t="s">
        <v>156</v>
      </c>
      <c r="C53" s="36" t="s">
        <v>114</v>
      </c>
      <c r="D53" s="36">
        <v>1</v>
      </c>
      <c r="E53" s="52"/>
      <c r="F53" s="50"/>
      <c r="G53" s="47" t="s">
        <v>193</v>
      </c>
      <c r="H53" s="41" t="s">
        <v>114</v>
      </c>
      <c r="I53" s="38">
        <v>1</v>
      </c>
    </row>
    <row r="54" spans="1:9" ht="18" customHeight="1" x14ac:dyDescent="0.2">
      <c r="A54" s="50"/>
      <c r="B54" s="30" t="s">
        <v>157</v>
      </c>
      <c r="C54" s="36" t="s">
        <v>114</v>
      </c>
      <c r="D54" s="36">
        <v>1</v>
      </c>
      <c r="E54" s="52"/>
      <c r="F54" s="37" t="s">
        <v>28</v>
      </c>
      <c r="G54" s="30" t="s">
        <v>194</v>
      </c>
      <c r="H54" s="38" t="s">
        <v>114</v>
      </c>
      <c r="I54" s="38">
        <v>1</v>
      </c>
    </row>
    <row r="55" spans="1:9" ht="18" customHeight="1" x14ac:dyDescent="0.2">
      <c r="A55" s="54"/>
      <c r="B55" s="30" t="s">
        <v>158</v>
      </c>
      <c r="C55" s="36" t="s">
        <v>114</v>
      </c>
      <c r="D55" s="36">
        <v>1</v>
      </c>
      <c r="E55" s="52"/>
      <c r="F55" s="39"/>
      <c r="G55" s="30" t="s">
        <v>195</v>
      </c>
      <c r="H55" s="41" t="s">
        <v>114</v>
      </c>
      <c r="I55" s="38">
        <v>1</v>
      </c>
    </row>
    <row r="56" spans="1:9" ht="18" customHeight="1" x14ac:dyDescent="0.2">
      <c r="A56" s="37" t="s">
        <v>29</v>
      </c>
      <c r="B56" s="30" t="s">
        <v>159</v>
      </c>
      <c r="C56" s="36" t="s">
        <v>114</v>
      </c>
      <c r="D56" s="36">
        <v>1</v>
      </c>
      <c r="E56" s="52"/>
      <c r="F56" s="39"/>
      <c r="G56" s="30" t="s">
        <v>196</v>
      </c>
      <c r="H56" s="41" t="s">
        <v>114</v>
      </c>
      <c r="I56" s="38">
        <v>1</v>
      </c>
    </row>
    <row r="57" spans="1:9" ht="18" customHeight="1" x14ac:dyDescent="0.2">
      <c r="A57" s="39"/>
      <c r="B57" s="30" t="s">
        <v>30</v>
      </c>
      <c r="C57" s="36" t="s">
        <v>114</v>
      </c>
      <c r="D57" s="36">
        <v>1</v>
      </c>
      <c r="E57" s="52"/>
      <c r="F57" s="39"/>
      <c r="G57" s="30" t="s">
        <v>197</v>
      </c>
      <c r="H57" s="38" t="s">
        <v>114</v>
      </c>
      <c r="I57" s="38">
        <v>1</v>
      </c>
    </row>
    <row r="58" spans="1:9" ht="18" customHeight="1" x14ac:dyDescent="0.2">
      <c r="A58" s="39"/>
      <c r="B58" s="30" t="s">
        <v>160</v>
      </c>
      <c r="C58" s="36" t="s">
        <v>114</v>
      </c>
      <c r="D58" s="36">
        <v>1</v>
      </c>
      <c r="E58" s="52"/>
      <c r="F58" s="39"/>
      <c r="G58" s="30" t="s">
        <v>198</v>
      </c>
      <c r="H58" s="38" t="s">
        <v>115</v>
      </c>
      <c r="I58" s="38">
        <v>1</v>
      </c>
    </row>
    <row r="59" spans="1:9" ht="18" customHeight="1" x14ac:dyDescent="0.2">
      <c r="A59" s="39"/>
      <c r="B59" s="30" t="s">
        <v>31</v>
      </c>
      <c r="C59" s="36" t="s">
        <v>114</v>
      </c>
      <c r="D59" s="36">
        <v>1</v>
      </c>
      <c r="E59" s="6"/>
      <c r="F59" s="39"/>
      <c r="G59" s="30" t="s">
        <v>199</v>
      </c>
      <c r="H59" s="38" t="s">
        <v>114</v>
      </c>
      <c r="I59" s="38">
        <v>1</v>
      </c>
    </row>
    <row r="60" spans="1:9" ht="18" customHeight="1" x14ac:dyDescent="0.2">
      <c r="A60" s="39"/>
      <c r="B60" s="30" t="s">
        <v>32</v>
      </c>
      <c r="C60" s="36" t="s">
        <v>114</v>
      </c>
      <c r="D60" s="36">
        <v>1</v>
      </c>
      <c r="E60" s="6"/>
      <c r="F60" s="39"/>
      <c r="G60" s="30" t="s">
        <v>33</v>
      </c>
      <c r="H60" s="38" t="s">
        <v>114</v>
      </c>
      <c r="I60" s="38">
        <v>1</v>
      </c>
    </row>
    <row r="61" spans="1:9" ht="18" customHeight="1" x14ac:dyDescent="0.2">
      <c r="A61" s="46"/>
      <c r="B61" s="30" t="s">
        <v>100</v>
      </c>
      <c r="C61" s="36" t="s">
        <v>114</v>
      </c>
      <c r="D61" s="36">
        <v>1</v>
      </c>
      <c r="E61" s="6"/>
      <c r="F61" s="46"/>
      <c r="G61" s="30" t="s">
        <v>200</v>
      </c>
      <c r="H61" s="38" t="s">
        <v>114</v>
      </c>
      <c r="I61" s="38">
        <v>1</v>
      </c>
    </row>
    <row r="62" spans="1:9" ht="18" customHeight="1" x14ac:dyDescent="0.2">
      <c r="A62" s="5"/>
      <c r="B62" s="5"/>
      <c r="C62" s="52"/>
      <c r="D62" s="52"/>
      <c r="E62" s="6"/>
    </row>
    <row r="63" spans="1:9" ht="18" customHeight="1" x14ac:dyDescent="0.2">
      <c r="A63" s="6" t="s">
        <v>238</v>
      </c>
      <c r="B63" s="6"/>
      <c r="C63" s="6"/>
      <c r="D63" s="55"/>
      <c r="E63" s="6"/>
      <c r="F63" s="6" t="s">
        <v>239</v>
      </c>
      <c r="G63" s="6"/>
      <c r="H63" s="6"/>
      <c r="I63" s="55"/>
    </row>
    <row r="64" spans="1:9" ht="18" customHeight="1" x14ac:dyDescent="0.2">
      <c r="A64" s="93" t="s">
        <v>161</v>
      </c>
      <c r="B64" s="93" t="s">
        <v>202</v>
      </c>
      <c r="C64" s="96" t="s">
        <v>3</v>
      </c>
      <c r="D64" s="97"/>
      <c r="E64" s="6"/>
      <c r="F64" s="93" t="s">
        <v>161</v>
      </c>
      <c r="G64" s="93" t="s">
        <v>202</v>
      </c>
      <c r="H64" s="96" t="s">
        <v>3</v>
      </c>
      <c r="I64" s="97"/>
    </row>
    <row r="65" spans="1:9" ht="18" customHeight="1" x14ac:dyDescent="0.2">
      <c r="A65" s="94"/>
      <c r="B65" s="94"/>
      <c r="C65" s="32" t="s">
        <v>4</v>
      </c>
      <c r="D65" s="32" t="s">
        <v>5</v>
      </c>
      <c r="E65" s="6"/>
      <c r="F65" s="94"/>
      <c r="G65" s="94"/>
      <c r="H65" s="32" t="s">
        <v>47</v>
      </c>
      <c r="I65" s="32" t="s">
        <v>64</v>
      </c>
    </row>
    <row r="66" spans="1:9" ht="18" customHeight="1" x14ac:dyDescent="0.2">
      <c r="A66" s="100" t="s">
        <v>34</v>
      </c>
      <c r="B66" s="56" t="s">
        <v>35</v>
      </c>
      <c r="C66" s="38" t="s">
        <v>114</v>
      </c>
      <c r="D66" s="38">
        <v>1</v>
      </c>
      <c r="E66" s="6"/>
      <c r="F66" s="37" t="s">
        <v>80</v>
      </c>
      <c r="G66" s="37" t="s">
        <v>203</v>
      </c>
      <c r="H66" s="41" t="s">
        <v>114</v>
      </c>
      <c r="I66" s="41">
        <v>1</v>
      </c>
    </row>
    <row r="67" spans="1:9" ht="18" customHeight="1" x14ac:dyDescent="0.2">
      <c r="A67" s="101"/>
      <c r="B67" s="56" t="s">
        <v>37</v>
      </c>
      <c r="C67" s="32" t="s">
        <v>114</v>
      </c>
      <c r="D67" s="38">
        <v>1</v>
      </c>
      <c r="E67" s="57"/>
      <c r="F67" s="30" t="s">
        <v>82</v>
      </c>
      <c r="G67" s="58" t="s">
        <v>203</v>
      </c>
      <c r="H67" s="38" t="s">
        <v>114</v>
      </c>
      <c r="I67" s="38">
        <v>1</v>
      </c>
    </row>
    <row r="68" spans="1:9" ht="18" customHeight="1" x14ac:dyDescent="0.2">
      <c r="A68" s="101"/>
      <c r="B68" s="30" t="s">
        <v>38</v>
      </c>
      <c r="C68" s="32" t="s">
        <v>114</v>
      </c>
      <c r="D68" s="38">
        <v>1</v>
      </c>
      <c r="E68" s="3"/>
      <c r="F68" s="30" t="s">
        <v>204</v>
      </c>
      <c r="G68" s="58" t="s">
        <v>203</v>
      </c>
      <c r="H68" s="38" t="s">
        <v>114</v>
      </c>
      <c r="I68" s="38">
        <v>1</v>
      </c>
    </row>
    <row r="69" spans="1:9" ht="18" customHeight="1" x14ac:dyDescent="0.2">
      <c r="A69" s="102"/>
      <c r="B69" s="59" t="s">
        <v>39</v>
      </c>
      <c r="C69" s="32" t="s">
        <v>114</v>
      </c>
      <c r="D69" s="38">
        <v>1</v>
      </c>
      <c r="E69" s="3"/>
    </row>
    <row r="70" spans="1:9" ht="18" customHeight="1" x14ac:dyDescent="0.2">
      <c r="A70" s="37" t="s">
        <v>205</v>
      </c>
      <c r="B70" s="30" t="s">
        <v>40</v>
      </c>
      <c r="C70" s="32" t="s">
        <v>114</v>
      </c>
      <c r="D70" s="38">
        <v>1</v>
      </c>
      <c r="E70" s="6"/>
      <c r="F70" s="6" t="s">
        <v>240</v>
      </c>
      <c r="G70" s="6"/>
      <c r="H70" s="6"/>
      <c r="I70" s="55"/>
    </row>
    <row r="71" spans="1:9" ht="18" customHeight="1" x14ac:dyDescent="0.2">
      <c r="A71" s="39"/>
      <c r="B71" s="30" t="s">
        <v>41</v>
      </c>
      <c r="C71" s="32" t="s">
        <v>115</v>
      </c>
      <c r="D71" s="38">
        <v>1</v>
      </c>
      <c r="E71" s="6"/>
      <c r="F71" s="93" t="s">
        <v>161</v>
      </c>
      <c r="G71" s="93" t="s">
        <v>202</v>
      </c>
      <c r="H71" s="96" t="s">
        <v>3</v>
      </c>
      <c r="I71" s="97"/>
    </row>
    <row r="72" spans="1:9" ht="18" customHeight="1" x14ac:dyDescent="0.2">
      <c r="A72" s="46"/>
      <c r="B72" s="30" t="s">
        <v>42</v>
      </c>
      <c r="C72" s="32" t="s">
        <v>114</v>
      </c>
      <c r="D72" s="38">
        <v>1</v>
      </c>
      <c r="E72" s="6"/>
      <c r="F72" s="94"/>
      <c r="G72" s="94"/>
      <c r="H72" s="32" t="s">
        <v>4</v>
      </c>
      <c r="I72" s="32" t="s">
        <v>5</v>
      </c>
    </row>
    <row r="73" spans="1:9" ht="18" customHeight="1" x14ac:dyDescent="0.2">
      <c r="A73" s="37" t="s">
        <v>43</v>
      </c>
      <c r="B73" s="30" t="s">
        <v>44</v>
      </c>
      <c r="C73" s="32" t="s">
        <v>114</v>
      </c>
      <c r="D73" s="38">
        <v>1</v>
      </c>
      <c r="E73" s="6"/>
      <c r="F73" s="30" t="s">
        <v>206</v>
      </c>
      <c r="G73" s="58" t="s">
        <v>36</v>
      </c>
      <c r="H73" s="32" t="s">
        <v>114</v>
      </c>
      <c r="I73" s="38">
        <v>1</v>
      </c>
    </row>
    <row r="74" spans="1:9" ht="18" customHeight="1" x14ac:dyDescent="0.2">
      <c r="A74" s="39"/>
      <c r="B74" s="30" t="s">
        <v>40</v>
      </c>
      <c r="C74" s="32" t="s">
        <v>114</v>
      </c>
      <c r="D74" s="38">
        <v>1</v>
      </c>
      <c r="E74" s="6"/>
    </row>
    <row r="75" spans="1:9" ht="18" customHeight="1" x14ac:dyDescent="0.2">
      <c r="A75" s="46"/>
      <c r="B75" s="30" t="s">
        <v>39</v>
      </c>
      <c r="C75" s="32" t="s">
        <v>114</v>
      </c>
      <c r="D75" s="38">
        <v>1</v>
      </c>
      <c r="E75" s="6"/>
      <c r="F75" s="6" t="s">
        <v>241</v>
      </c>
      <c r="G75" s="6"/>
      <c r="H75" s="6"/>
      <c r="I75" s="55"/>
    </row>
    <row r="76" spans="1:9" ht="18" customHeight="1" x14ac:dyDescent="0.2">
      <c r="D76" s="60"/>
      <c r="E76" s="6"/>
      <c r="F76" s="93" t="s">
        <v>161</v>
      </c>
      <c r="G76" s="93" t="s">
        <v>202</v>
      </c>
      <c r="H76" s="96" t="s">
        <v>3</v>
      </c>
      <c r="I76" s="97"/>
    </row>
    <row r="77" spans="1:9" ht="18" customHeight="1" x14ac:dyDescent="0.2">
      <c r="A77" s="6" t="s">
        <v>242</v>
      </c>
      <c r="B77" s="6"/>
      <c r="C77" s="6"/>
      <c r="D77" s="60"/>
      <c r="E77" s="6"/>
      <c r="F77" s="94"/>
      <c r="G77" s="94"/>
      <c r="H77" s="32" t="s">
        <v>4</v>
      </c>
      <c r="I77" s="32" t="s">
        <v>5</v>
      </c>
    </row>
    <row r="78" spans="1:9" ht="18" customHeight="1" x14ac:dyDescent="0.2">
      <c r="A78" s="93" t="s">
        <v>161</v>
      </c>
      <c r="B78" s="93" t="s">
        <v>202</v>
      </c>
      <c r="C78" s="96" t="s">
        <v>3</v>
      </c>
      <c r="D78" s="97"/>
      <c r="E78" s="6"/>
      <c r="F78" s="30" t="s">
        <v>207</v>
      </c>
      <c r="G78" s="58" t="s">
        <v>208</v>
      </c>
      <c r="H78" s="32" t="s">
        <v>114</v>
      </c>
      <c r="I78" s="38">
        <v>1</v>
      </c>
    </row>
    <row r="79" spans="1:9" ht="18" customHeight="1" x14ac:dyDescent="0.2">
      <c r="A79" s="94"/>
      <c r="B79" s="94"/>
      <c r="C79" s="32" t="s">
        <v>47</v>
      </c>
      <c r="D79" s="32" t="s">
        <v>5</v>
      </c>
      <c r="E79" s="6"/>
      <c r="F79" s="30" t="s">
        <v>209</v>
      </c>
      <c r="G79" s="58" t="s">
        <v>208</v>
      </c>
      <c r="H79" s="32" t="s">
        <v>114</v>
      </c>
      <c r="I79" s="38">
        <v>1</v>
      </c>
    </row>
    <row r="80" spans="1:9" ht="18" customHeight="1" x14ac:dyDescent="0.2">
      <c r="A80" s="37" t="s">
        <v>49</v>
      </c>
      <c r="B80" s="30" t="s">
        <v>210</v>
      </c>
      <c r="C80" s="38" t="s">
        <v>114</v>
      </c>
      <c r="D80" s="38">
        <v>1</v>
      </c>
      <c r="E80" s="6"/>
    </row>
    <row r="81" spans="1:9" ht="18" customHeight="1" x14ac:dyDescent="0.2">
      <c r="A81" s="39"/>
      <c r="B81" s="30" t="s">
        <v>211</v>
      </c>
      <c r="C81" s="38" t="s">
        <v>114</v>
      </c>
      <c r="D81" s="38">
        <v>1</v>
      </c>
      <c r="E81" s="6"/>
      <c r="F81" s="6" t="s">
        <v>243</v>
      </c>
      <c r="G81" s="6"/>
      <c r="H81" s="6"/>
      <c r="I81" s="52"/>
    </row>
    <row r="82" spans="1:9" ht="18" customHeight="1" x14ac:dyDescent="0.2">
      <c r="A82" s="39"/>
      <c r="B82" s="30" t="s">
        <v>212</v>
      </c>
      <c r="C82" s="38" t="s">
        <v>114</v>
      </c>
      <c r="D82" s="38">
        <v>1</v>
      </c>
      <c r="E82" s="6"/>
      <c r="F82" s="93" t="s">
        <v>161</v>
      </c>
      <c r="G82" s="93" t="s">
        <v>202</v>
      </c>
      <c r="H82" s="98" t="s">
        <v>45</v>
      </c>
      <c r="I82" s="99"/>
    </row>
    <row r="83" spans="1:9" ht="18" customHeight="1" x14ac:dyDescent="0.2">
      <c r="A83" s="39"/>
      <c r="B83" s="37" t="s">
        <v>53</v>
      </c>
      <c r="C83" s="41" t="s">
        <v>114</v>
      </c>
      <c r="D83" s="38">
        <v>1</v>
      </c>
      <c r="E83" s="6"/>
      <c r="F83" s="94"/>
      <c r="G83" s="94"/>
      <c r="H83" s="38" t="s">
        <v>4</v>
      </c>
      <c r="I83" s="38" t="s">
        <v>5</v>
      </c>
    </row>
    <row r="84" spans="1:9" ht="18" customHeight="1" x14ac:dyDescent="0.2">
      <c r="A84" s="30" t="s">
        <v>213</v>
      </c>
      <c r="B84" s="30" t="s">
        <v>54</v>
      </c>
      <c r="C84" s="41" t="s">
        <v>114</v>
      </c>
      <c r="D84" s="38">
        <v>1</v>
      </c>
      <c r="E84" s="6"/>
      <c r="F84" s="103" t="s">
        <v>46</v>
      </c>
      <c r="G84" s="39" t="s">
        <v>126</v>
      </c>
      <c r="H84" s="41" t="s">
        <v>116</v>
      </c>
      <c r="I84" s="93" t="s">
        <v>116</v>
      </c>
    </row>
    <row r="85" spans="1:9" ht="18" customHeight="1" x14ac:dyDescent="0.2">
      <c r="A85" s="39" t="s">
        <v>55</v>
      </c>
      <c r="B85" s="46" t="s">
        <v>210</v>
      </c>
      <c r="C85" s="41" t="s">
        <v>114</v>
      </c>
      <c r="D85" s="38">
        <v>1</v>
      </c>
      <c r="E85" s="6"/>
      <c r="F85" s="104"/>
      <c r="G85" s="61" t="s">
        <v>127</v>
      </c>
      <c r="H85" s="62" t="s">
        <v>116</v>
      </c>
      <c r="I85" s="94"/>
    </row>
    <row r="86" spans="1:9" ht="18" customHeight="1" x14ac:dyDescent="0.2">
      <c r="A86" s="39"/>
      <c r="B86" s="30" t="s">
        <v>212</v>
      </c>
      <c r="C86" s="41" t="s">
        <v>114</v>
      </c>
      <c r="D86" s="38">
        <v>1</v>
      </c>
      <c r="E86" s="6"/>
      <c r="F86" s="30" t="s">
        <v>48</v>
      </c>
      <c r="G86" s="56" t="s">
        <v>214</v>
      </c>
      <c r="H86" s="32" t="s">
        <v>117</v>
      </c>
      <c r="I86" s="38" t="s">
        <v>117</v>
      </c>
    </row>
    <row r="87" spans="1:9" ht="18" customHeight="1" x14ac:dyDescent="0.2">
      <c r="A87" s="39"/>
      <c r="B87" s="30" t="s">
        <v>211</v>
      </c>
      <c r="C87" s="41" t="s">
        <v>114</v>
      </c>
      <c r="D87" s="38">
        <v>1</v>
      </c>
      <c r="E87" s="6"/>
      <c r="F87" s="37" t="s">
        <v>50</v>
      </c>
      <c r="G87" s="37" t="s">
        <v>215</v>
      </c>
      <c r="H87" s="41" t="s">
        <v>117</v>
      </c>
      <c r="I87" s="38" t="s">
        <v>117</v>
      </c>
    </row>
    <row r="88" spans="1:9" ht="18" customHeight="1" x14ac:dyDescent="0.2">
      <c r="A88" s="46"/>
      <c r="B88" s="30" t="s">
        <v>216</v>
      </c>
      <c r="C88" s="41" t="s">
        <v>114</v>
      </c>
      <c r="D88" s="38">
        <v>1</v>
      </c>
      <c r="E88" s="6"/>
      <c r="F88" s="30" t="s">
        <v>51</v>
      </c>
      <c r="G88" s="30" t="s">
        <v>214</v>
      </c>
      <c r="H88" s="38" t="s">
        <v>117</v>
      </c>
      <c r="I88" s="38" t="s">
        <v>117</v>
      </c>
    </row>
    <row r="89" spans="1:9" ht="18" customHeight="1" x14ac:dyDescent="0.2">
      <c r="A89" s="30" t="s">
        <v>59</v>
      </c>
      <c r="B89" s="30" t="s">
        <v>54</v>
      </c>
      <c r="C89" s="41" t="s">
        <v>114</v>
      </c>
      <c r="D89" s="38">
        <v>1</v>
      </c>
      <c r="E89" s="6"/>
      <c r="F89" s="37" t="s">
        <v>52</v>
      </c>
      <c r="G89" s="37" t="s">
        <v>215</v>
      </c>
      <c r="H89" s="38" t="s">
        <v>117</v>
      </c>
      <c r="I89" s="38" t="s">
        <v>117</v>
      </c>
    </row>
    <row r="90" spans="1:9" ht="18" customHeight="1" x14ac:dyDescent="0.2">
      <c r="A90" s="39" t="s">
        <v>60</v>
      </c>
      <c r="B90" s="46" t="s">
        <v>210</v>
      </c>
      <c r="C90" s="41" t="s">
        <v>114</v>
      </c>
      <c r="D90" s="38">
        <v>1</v>
      </c>
      <c r="E90" s="6"/>
      <c r="F90" s="30" t="s">
        <v>217</v>
      </c>
      <c r="G90" s="30" t="s">
        <v>214</v>
      </c>
      <c r="H90" s="38" t="s">
        <v>117</v>
      </c>
      <c r="I90" s="38" t="s">
        <v>117</v>
      </c>
    </row>
    <row r="91" spans="1:9" ht="18" customHeight="1" x14ac:dyDescent="0.2">
      <c r="A91" s="39"/>
      <c r="B91" s="30" t="s">
        <v>211</v>
      </c>
      <c r="C91" s="41" t="s">
        <v>114</v>
      </c>
      <c r="D91" s="38">
        <v>1</v>
      </c>
      <c r="E91" s="6"/>
      <c r="F91" s="30" t="s">
        <v>186</v>
      </c>
      <c r="G91" s="56" t="s">
        <v>214</v>
      </c>
      <c r="H91" s="32" t="s">
        <v>117</v>
      </c>
      <c r="I91" s="38" t="s">
        <v>117</v>
      </c>
    </row>
    <row r="92" spans="1:9" ht="18" customHeight="1" x14ac:dyDescent="0.2">
      <c r="A92" s="39"/>
      <c r="B92" s="30" t="s">
        <v>212</v>
      </c>
      <c r="C92" s="41" t="s">
        <v>114</v>
      </c>
      <c r="D92" s="38">
        <v>1</v>
      </c>
      <c r="E92" s="6"/>
      <c r="F92" s="30" t="s">
        <v>218</v>
      </c>
      <c r="G92" s="56" t="s">
        <v>215</v>
      </c>
      <c r="H92" s="32" t="s">
        <v>117</v>
      </c>
      <c r="I92" s="38" t="s">
        <v>117</v>
      </c>
    </row>
    <row r="93" spans="1:9" ht="18" customHeight="1" x14ac:dyDescent="0.2">
      <c r="A93" s="37" t="s">
        <v>63</v>
      </c>
      <c r="B93" s="46" t="s">
        <v>210</v>
      </c>
      <c r="C93" s="41" t="s">
        <v>114</v>
      </c>
      <c r="D93" s="38">
        <v>1</v>
      </c>
      <c r="E93" s="6"/>
      <c r="F93" s="63" t="s">
        <v>56</v>
      </c>
      <c r="G93" s="56" t="s">
        <v>214</v>
      </c>
      <c r="H93" s="32" t="s">
        <v>117</v>
      </c>
      <c r="I93" s="38" t="s">
        <v>117</v>
      </c>
    </row>
    <row r="94" spans="1:9" ht="18" customHeight="1" x14ac:dyDescent="0.2">
      <c r="A94" s="39"/>
      <c r="B94" s="30" t="s">
        <v>219</v>
      </c>
      <c r="C94" s="41" t="s">
        <v>114</v>
      </c>
      <c r="D94" s="38">
        <v>1</v>
      </c>
      <c r="E94" s="6"/>
      <c r="F94" s="30" t="s">
        <v>57</v>
      </c>
      <c r="G94" s="56" t="s">
        <v>214</v>
      </c>
      <c r="H94" s="32" t="s">
        <v>117</v>
      </c>
      <c r="I94" s="38" t="s">
        <v>117</v>
      </c>
    </row>
    <row r="95" spans="1:9" ht="18" customHeight="1" x14ac:dyDescent="0.2">
      <c r="A95" s="39"/>
      <c r="B95" s="30" t="s">
        <v>220</v>
      </c>
      <c r="C95" s="41" t="s">
        <v>114</v>
      </c>
      <c r="D95" s="38">
        <v>1</v>
      </c>
      <c r="E95" s="6"/>
      <c r="F95" s="46" t="s">
        <v>58</v>
      </c>
      <c r="G95" s="56" t="s">
        <v>214</v>
      </c>
      <c r="H95" s="32" t="s">
        <v>117</v>
      </c>
      <c r="I95" s="38" t="s">
        <v>117</v>
      </c>
    </row>
    <row r="96" spans="1:9" ht="18" customHeight="1" x14ac:dyDescent="0.2">
      <c r="A96" s="46"/>
      <c r="B96" s="30" t="s">
        <v>216</v>
      </c>
      <c r="C96" s="41" t="s">
        <v>114</v>
      </c>
      <c r="D96" s="38">
        <v>1</v>
      </c>
      <c r="E96" s="6"/>
      <c r="F96" s="30" t="s">
        <v>221</v>
      </c>
      <c r="G96" s="56" t="s">
        <v>214</v>
      </c>
      <c r="H96" s="32" t="s">
        <v>117</v>
      </c>
      <c r="I96" s="38" t="s">
        <v>117</v>
      </c>
    </row>
    <row r="97" spans="1:9" ht="18" customHeight="1" x14ac:dyDescent="0.2">
      <c r="A97" s="39" t="s">
        <v>65</v>
      </c>
      <c r="B97" s="30" t="s">
        <v>66</v>
      </c>
      <c r="C97" s="41" t="s">
        <v>114</v>
      </c>
      <c r="D97" s="38">
        <v>1</v>
      </c>
      <c r="E97" s="6"/>
      <c r="F97" s="30" t="s">
        <v>61</v>
      </c>
      <c r="G97" s="56" t="s">
        <v>214</v>
      </c>
      <c r="H97" s="32" t="s">
        <v>117</v>
      </c>
      <c r="I97" s="38" t="s">
        <v>117</v>
      </c>
    </row>
    <row r="98" spans="1:9" ht="18" customHeight="1" x14ac:dyDescent="0.2">
      <c r="A98" s="37" t="s">
        <v>68</v>
      </c>
      <c r="B98" s="30" t="s">
        <v>66</v>
      </c>
      <c r="C98" s="41" t="s">
        <v>114</v>
      </c>
      <c r="D98" s="38">
        <v>1</v>
      </c>
      <c r="E98" s="6"/>
      <c r="F98" s="30" t="s">
        <v>102</v>
      </c>
      <c r="G98" s="58" t="s">
        <v>215</v>
      </c>
      <c r="H98" s="38" t="s">
        <v>117</v>
      </c>
      <c r="I98" s="38" t="s">
        <v>117</v>
      </c>
    </row>
    <row r="99" spans="1:9" ht="18" customHeight="1" x14ac:dyDescent="0.2">
      <c r="A99" s="37" t="s">
        <v>261</v>
      </c>
      <c r="B99" s="46" t="s">
        <v>210</v>
      </c>
      <c r="C99" s="41" t="s">
        <v>114</v>
      </c>
      <c r="D99" s="38">
        <v>1</v>
      </c>
      <c r="E99" s="6"/>
      <c r="F99" s="30" t="s">
        <v>62</v>
      </c>
      <c r="G99" s="58" t="s">
        <v>215</v>
      </c>
      <c r="H99" s="38" t="s">
        <v>117</v>
      </c>
      <c r="I99" s="38" t="s">
        <v>117</v>
      </c>
    </row>
    <row r="100" spans="1:9" ht="18" customHeight="1" x14ac:dyDescent="0.2">
      <c r="A100" s="39"/>
      <c r="B100" s="30" t="s">
        <v>212</v>
      </c>
      <c r="C100" s="41" t="s">
        <v>114</v>
      </c>
      <c r="D100" s="38">
        <v>1</v>
      </c>
      <c r="E100" s="6"/>
    </row>
    <row r="101" spans="1:9" ht="18" customHeight="1" x14ac:dyDescent="0.2">
      <c r="A101" s="39"/>
      <c r="B101" s="6" t="s">
        <v>266</v>
      </c>
      <c r="C101" s="41" t="s">
        <v>114</v>
      </c>
      <c r="D101" s="38">
        <v>1</v>
      </c>
      <c r="E101" s="6"/>
      <c r="F101" s="6" t="s">
        <v>244</v>
      </c>
      <c r="G101" s="6"/>
      <c r="H101" s="6"/>
      <c r="I101" s="52"/>
    </row>
    <row r="102" spans="1:9" ht="18" customHeight="1" x14ac:dyDescent="0.2">
      <c r="A102" s="46"/>
      <c r="B102" s="30" t="s">
        <v>53</v>
      </c>
      <c r="C102" s="38" t="s">
        <v>114</v>
      </c>
      <c r="D102" s="38">
        <v>1</v>
      </c>
      <c r="E102" s="6"/>
      <c r="F102" s="93" t="s">
        <v>161</v>
      </c>
      <c r="G102" s="93" t="s">
        <v>202</v>
      </c>
      <c r="H102" s="98" t="s">
        <v>45</v>
      </c>
      <c r="I102" s="99"/>
    </row>
    <row r="103" spans="1:9" ht="18" customHeight="1" x14ac:dyDescent="0.2">
      <c r="A103" s="5"/>
      <c r="B103" s="5"/>
      <c r="C103" s="5"/>
      <c r="D103" s="52"/>
      <c r="E103" s="6"/>
      <c r="F103" s="94"/>
      <c r="G103" s="94"/>
      <c r="H103" s="38" t="s">
        <v>47</v>
      </c>
      <c r="I103" s="38" t="s">
        <v>64</v>
      </c>
    </row>
    <row r="104" spans="1:9" ht="18" customHeight="1" x14ac:dyDescent="0.2">
      <c r="A104" s="6" t="s">
        <v>246</v>
      </c>
      <c r="B104" s="6"/>
      <c r="C104" s="6"/>
      <c r="D104" s="60"/>
      <c r="E104" s="6"/>
      <c r="F104" s="30" t="s">
        <v>67</v>
      </c>
      <c r="G104" s="30" t="s">
        <v>222</v>
      </c>
      <c r="H104" s="38" t="s">
        <v>117</v>
      </c>
      <c r="I104" s="38" t="s">
        <v>117</v>
      </c>
    </row>
    <row r="105" spans="1:9" ht="18" customHeight="1" x14ac:dyDescent="0.2">
      <c r="A105" s="93" t="s">
        <v>161</v>
      </c>
      <c r="B105" s="93" t="s">
        <v>202</v>
      </c>
      <c r="C105" s="96" t="s">
        <v>3</v>
      </c>
      <c r="D105" s="97"/>
      <c r="E105" s="6"/>
      <c r="F105" s="30" t="s">
        <v>69</v>
      </c>
      <c r="G105" s="30" t="s">
        <v>222</v>
      </c>
      <c r="H105" s="38" t="s">
        <v>117</v>
      </c>
      <c r="I105" s="38" t="s">
        <v>117</v>
      </c>
    </row>
    <row r="106" spans="1:9" ht="18" customHeight="1" x14ac:dyDescent="0.2">
      <c r="A106" s="94"/>
      <c r="B106" s="94"/>
      <c r="C106" s="32" t="s">
        <v>47</v>
      </c>
      <c r="D106" s="32" t="s">
        <v>64</v>
      </c>
      <c r="E106" s="6"/>
      <c r="F106" s="30" t="s">
        <v>260</v>
      </c>
      <c r="G106" s="30" t="s">
        <v>262</v>
      </c>
      <c r="H106" s="38" t="s">
        <v>117</v>
      </c>
      <c r="I106" s="38" t="s">
        <v>117</v>
      </c>
    </row>
    <row r="107" spans="1:9" ht="18" customHeight="1" x14ac:dyDescent="0.2">
      <c r="A107" s="37" t="s">
        <v>213</v>
      </c>
      <c r="B107" s="30" t="s">
        <v>74</v>
      </c>
      <c r="C107" s="38" t="s">
        <v>114</v>
      </c>
      <c r="D107" s="38">
        <v>1</v>
      </c>
      <c r="E107" s="6"/>
      <c r="F107" s="30" t="s">
        <v>70</v>
      </c>
      <c r="G107" s="30" t="s">
        <v>222</v>
      </c>
      <c r="H107" s="38" t="s">
        <v>117</v>
      </c>
      <c r="I107" s="38" t="s">
        <v>117</v>
      </c>
    </row>
    <row r="108" spans="1:9" ht="18" customHeight="1" x14ac:dyDescent="0.2">
      <c r="A108" s="37" t="s">
        <v>75</v>
      </c>
      <c r="B108" s="30" t="s">
        <v>74</v>
      </c>
      <c r="C108" s="38" t="s">
        <v>114</v>
      </c>
      <c r="D108" s="38">
        <v>1</v>
      </c>
      <c r="E108" s="6"/>
      <c r="F108" s="30" t="s">
        <v>71</v>
      </c>
      <c r="G108" s="30" t="s">
        <v>222</v>
      </c>
      <c r="H108" s="38" t="s">
        <v>117</v>
      </c>
      <c r="I108" s="38" t="s">
        <v>117</v>
      </c>
    </row>
    <row r="109" spans="1:9" ht="18" customHeight="1" x14ac:dyDescent="0.2">
      <c r="A109" s="37" t="s">
        <v>77</v>
      </c>
      <c r="B109" s="37" t="s">
        <v>74</v>
      </c>
      <c r="C109" s="38" t="s">
        <v>114</v>
      </c>
      <c r="D109" s="38">
        <v>1</v>
      </c>
      <c r="E109" s="6"/>
      <c r="F109" s="30" t="s">
        <v>72</v>
      </c>
      <c r="G109" s="30" t="s">
        <v>222</v>
      </c>
      <c r="H109" s="38" t="s">
        <v>117</v>
      </c>
      <c r="I109" s="38" t="s">
        <v>117</v>
      </c>
    </row>
    <row r="110" spans="1:9" ht="18" customHeight="1" x14ac:dyDescent="0.2">
      <c r="A110" s="30" t="s">
        <v>205</v>
      </c>
      <c r="B110" s="30" t="s">
        <v>74</v>
      </c>
      <c r="C110" s="38" t="s">
        <v>114</v>
      </c>
      <c r="D110" s="38">
        <v>1</v>
      </c>
      <c r="E110" s="6"/>
      <c r="F110" s="30" t="s">
        <v>73</v>
      </c>
      <c r="G110" s="30" t="s">
        <v>222</v>
      </c>
      <c r="H110" s="38" t="s">
        <v>117</v>
      </c>
      <c r="I110" s="38" t="s">
        <v>117</v>
      </c>
    </row>
    <row r="111" spans="1:9" ht="18" customHeight="1" x14ac:dyDescent="0.2">
      <c r="A111" s="46" t="s">
        <v>113</v>
      </c>
      <c r="B111" s="30" t="s">
        <v>74</v>
      </c>
      <c r="C111" s="38" t="s">
        <v>114</v>
      </c>
      <c r="D111" s="38">
        <v>1</v>
      </c>
      <c r="E111" s="6"/>
    </row>
    <row r="112" spans="1:9" ht="18" customHeight="1" x14ac:dyDescent="0.2">
      <c r="A112" s="64"/>
      <c r="B112" s="64"/>
      <c r="C112" s="5"/>
      <c r="D112" s="52"/>
      <c r="E112" s="6"/>
      <c r="F112" s="6" t="s">
        <v>245</v>
      </c>
      <c r="G112" s="6"/>
      <c r="H112" s="6"/>
      <c r="I112" s="55"/>
    </row>
    <row r="113" spans="1:9" ht="18" customHeight="1" x14ac:dyDescent="0.2">
      <c r="A113" s="6" t="s">
        <v>247</v>
      </c>
      <c r="B113" s="6"/>
      <c r="C113" s="6"/>
      <c r="D113" s="60"/>
      <c r="E113" s="6"/>
      <c r="F113" s="93" t="s">
        <v>161</v>
      </c>
      <c r="G113" s="93" t="s">
        <v>202</v>
      </c>
      <c r="H113" s="96" t="s">
        <v>45</v>
      </c>
      <c r="I113" s="97"/>
    </row>
    <row r="114" spans="1:9" ht="18" customHeight="1" x14ac:dyDescent="0.2">
      <c r="A114" s="93" t="s">
        <v>161</v>
      </c>
      <c r="B114" s="93" t="s">
        <v>202</v>
      </c>
      <c r="C114" s="96" t="s">
        <v>3</v>
      </c>
      <c r="D114" s="97"/>
      <c r="E114" s="6"/>
      <c r="F114" s="94"/>
      <c r="G114" s="94"/>
      <c r="H114" s="38" t="s">
        <v>47</v>
      </c>
      <c r="I114" s="38" t="s">
        <v>64</v>
      </c>
    </row>
    <row r="115" spans="1:9" ht="18" customHeight="1" x14ac:dyDescent="0.2">
      <c r="A115" s="94"/>
      <c r="B115" s="94"/>
      <c r="C115" s="32" t="s">
        <v>4</v>
      </c>
      <c r="D115" s="32" t="s">
        <v>5</v>
      </c>
      <c r="E115" s="6"/>
      <c r="F115" s="65" t="s">
        <v>76</v>
      </c>
      <c r="G115" s="65" t="s">
        <v>35</v>
      </c>
      <c r="H115" s="66" t="s">
        <v>117</v>
      </c>
      <c r="I115" s="38" t="s">
        <v>117</v>
      </c>
    </row>
    <row r="116" spans="1:9" ht="18" customHeight="1" x14ac:dyDescent="0.2">
      <c r="A116" s="37" t="s">
        <v>106</v>
      </c>
      <c r="B116" s="30" t="s">
        <v>107</v>
      </c>
      <c r="C116" s="38" t="s">
        <v>114</v>
      </c>
      <c r="D116" s="38">
        <v>1</v>
      </c>
      <c r="E116" s="52"/>
      <c r="F116" s="33" t="s">
        <v>223</v>
      </c>
      <c r="G116" s="67" t="s">
        <v>35</v>
      </c>
      <c r="H116" s="68" t="s">
        <v>117</v>
      </c>
      <c r="I116" s="38" t="s">
        <v>117</v>
      </c>
    </row>
    <row r="117" spans="1:9" ht="18" customHeight="1" x14ac:dyDescent="0.2">
      <c r="A117" s="69"/>
      <c r="B117" s="30" t="s">
        <v>108</v>
      </c>
      <c r="C117" s="38" t="s">
        <v>114</v>
      </c>
      <c r="D117" s="38">
        <v>1</v>
      </c>
      <c r="E117" s="52"/>
      <c r="F117" s="70"/>
      <c r="G117" s="63" t="s">
        <v>78</v>
      </c>
      <c r="H117" s="71" t="s">
        <v>117</v>
      </c>
      <c r="I117" s="38" t="s">
        <v>117</v>
      </c>
    </row>
    <row r="118" spans="1:9" ht="18" customHeight="1" x14ac:dyDescent="0.2">
      <c r="A118" s="69"/>
      <c r="B118" s="37" t="s">
        <v>109</v>
      </c>
      <c r="C118" s="38" t="s">
        <v>114</v>
      </c>
      <c r="D118" s="38">
        <v>1</v>
      </c>
      <c r="E118" s="52"/>
      <c r="F118" s="56"/>
      <c r="G118" s="72" t="s">
        <v>79</v>
      </c>
      <c r="H118" s="73" t="s">
        <v>117</v>
      </c>
      <c r="I118" s="38" t="s">
        <v>117</v>
      </c>
    </row>
    <row r="119" spans="1:9" ht="18" customHeight="1" x14ac:dyDescent="0.2">
      <c r="A119" s="74"/>
      <c r="B119" s="30" t="s">
        <v>110</v>
      </c>
      <c r="C119" s="38" t="s">
        <v>114</v>
      </c>
      <c r="D119" s="38">
        <v>1</v>
      </c>
      <c r="E119" s="57"/>
    </row>
    <row r="120" spans="1:9" ht="18" customHeight="1" x14ac:dyDescent="0.2">
      <c r="E120" s="57"/>
      <c r="F120" s="6" t="s">
        <v>248</v>
      </c>
      <c r="G120" s="6"/>
      <c r="H120" s="6"/>
      <c r="I120" s="55"/>
    </row>
    <row r="121" spans="1:9" ht="18" customHeight="1" x14ac:dyDescent="0.2">
      <c r="A121" s="6" t="s">
        <v>249</v>
      </c>
      <c r="B121" s="6"/>
      <c r="C121" s="6"/>
      <c r="D121" s="55"/>
      <c r="E121" s="57"/>
      <c r="F121" s="93" t="s">
        <v>161</v>
      </c>
      <c r="G121" s="93" t="s">
        <v>202</v>
      </c>
      <c r="H121" s="96" t="s">
        <v>45</v>
      </c>
      <c r="I121" s="97"/>
    </row>
    <row r="122" spans="1:9" ht="18" customHeight="1" x14ac:dyDescent="0.2">
      <c r="A122" s="93" t="s">
        <v>161</v>
      </c>
      <c r="B122" s="93" t="s">
        <v>202</v>
      </c>
      <c r="C122" s="96" t="s">
        <v>3</v>
      </c>
      <c r="D122" s="97"/>
      <c r="E122" s="57"/>
      <c r="F122" s="94"/>
      <c r="G122" s="94"/>
      <c r="H122" s="38" t="s">
        <v>47</v>
      </c>
      <c r="I122" s="38" t="s">
        <v>64</v>
      </c>
    </row>
    <row r="123" spans="1:9" ht="18" customHeight="1" x14ac:dyDescent="0.2">
      <c r="A123" s="94"/>
      <c r="B123" s="94"/>
      <c r="C123" s="32" t="s">
        <v>47</v>
      </c>
      <c r="D123" s="32" t="s">
        <v>64</v>
      </c>
      <c r="E123" s="57"/>
      <c r="F123" s="58" t="s">
        <v>224</v>
      </c>
      <c r="G123" s="63" t="s">
        <v>81</v>
      </c>
      <c r="H123" s="71" t="s">
        <v>117</v>
      </c>
      <c r="I123" s="38" t="s">
        <v>117</v>
      </c>
    </row>
    <row r="124" spans="1:9" ht="18" customHeight="1" x14ac:dyDescent="0.2">
      <c r="A124" s="30" t="s">
        <v>80</v>
      </c>
      <c r="B124" s="58" t="s">
        <v>225</v>
      </c>
      <c r="C124" s="38">
        <v>3</v>
      </c>
      <c r="D124" s="38" t="s">
        <v>119</v>
      </c>
      <c r="E124" s="57"/>
      <c r="I124" s="1"/>
    </row>
    <row r="125" spans="1:9" ht="18" customHeight="1" x14ac:dyDescent="0.2">
      <c r="A125" s="5"/>
      <c r="B125" s="57"/>
      <c r="C125" s="52"/>
      <c r="D125" s="52"/>
      <c r="E125" s="57"/>
      <c r="F125" s="57"/>
      <c r="G125" s="75"/>
      <c r="H125" s="76"/>
      <c r="I125" s="52"/>
    </row>
    <row r="126" spans="1:9" ht="18" customHeight="1" x14ac:dyDescent="0.2">
      <c r="A126" s="6" t="s">
        <v>250</v>
      </c>
      <c r="B126" s="6"/>
      <c r="C126" s="6"/>
      <c r="D126" s="3"/>
      <c r="E126" s="57"/>
      <c r="F126" s="6" t="s">
        <v>251</v>
      </c>
      <c r="G126" s="6"/>
      <c r="H126" s="6"/>
    </row>
    <row r="127" spans="1:9" ht="18" customHeight="1" x14ac:dyDescent="0.2">
      <c r="A127" s="93" t="s">
        <v>161</v>
      </c>
      <c r="B127" s="93" t="s">
        <v>202</v>
      </c>
      <c r="C127" s="98" t="s">
        <v>45</v>
      </c>
      <c r="D127" s="99"/>
      <c r="E127" s="57"/>
      <c r="F127" s="93" t="s">
        <v>161</v>
      </c>
      <c r="G127" s="93" t="s">
        <v>201</v>
      </c>
      <c r="H127" s="98" t="s">
        <v>3</v>
      </c>
      <c r="I127" s="99"/>
    </row>
    <row r="128" spans="1:9" ht="18" customHeight="1" x14ac:dyDescent="0.2">
      <c r="A128" s="94"/>
      <c r="B128" s="94"/>
      <c r="C128" s="38" t="s">
        <v>47</v>
      </c>
      <c r="D128" s="38" t="s">
        <v>64</v>
      </c>
      <c r="E128" s="57"/>
      <c r="F128" s="94"/>
      <c r="G128" s="94"/>
      <c r="H128" s="105" t="s">
        <v>83</v>
      </c>
      <c r="I128" s="106"/>
    </row>
    <row r="129" spans="1:9" ht="18" customHeight="1" x14ac:dyDescent="0.2">
      <c r="A129" s="58" t="s">
        <v>84</v>
      </c>
      <c r="B129" s="30" t="s">
        <v>36</v>
      </c>
      <c r="C129" s="38" t="s">
        <v>117</v>
      </c>
      <c r="D129" s="38" t="s">
        <v>117</v>
      </c>
      <c r="E129" s="57"/>
      <c r="F129" s="39" t="s">
        <v>185</v>
      </c>
      <c r="G129" s="37" t="s">
        <v>214</v>
      </c>
      <c r="H129" s="96" t="s">
        <v>264</v>
      </c>
      <c r="I129" s="97"/>
    </row>
    <row r="130" spans="1:9" ht="18" customHeight="1" x14ac:dyDescent="0.2">
      <c r="E130" s="57"/>
      <c r="F130" s="30" t="s">
        <v>226</v>
      </c>
      <c r="G130" s="30" t="s">
        <v>214</v>
      </c>
      <c r="H130" s="96" t="s">
        <v>258</v>
      </c>
      <c r="I130" s="97"/>
    </row>
    <row r="131" spans="1:9" ht="18" customHeight="1" x14ac:dyDescent="0.2">
      <c r="A131" s="6" t="s">
        <v>253</v>
      </c>
      <c r="B131" s="6"/>
      <c r="C131" s="6"/>
      <c r="D131" s="3"/>
      <c r="E131" s="57"/>
      <c r="F131" s="30" t="s">
        <v>227</v>
      </c>
      <c r="G131" s="30" t="s">
        <v>214</v>
      </c>
      <c r="H131" s="96" t="s">
        <v>115</v>
      </c>
      <c r="I131" s="97"/>
    </row>
    <row r="132" spans="1:9" ht="18" customHeight="1" x14ac:dyDescent="0.2">
      <c r="A132" s="93" t="s">
        <v>161</v>
      </c>
      <c r="B132" s="93" t="s">
        <v>202</v>
      </c>
      <c r="C132" s="98" t="s">
        <v>45</v>
      </c>
      <c r="D132" s="99"/>
      <c r="E132" s="57"/>
      <c r="F132" s="37" t="s">
        <v>228</v>
      </c>
      <c r="G132" s="37" t="s">
        <v>214</v>
      </c>
      <c r="H132" s="96">
        <v>3</v>
      </c>
      <c r="I132" s="97"/>
    </row>
    <row r="133" spans="1:9" ht="18" customHeight="1" x14ac:dyDescent="0.2">
      <c r="A133" s="94"/>
      <c r="B133" s="94"/>
      <c r="C133" s="38" t="s">
        <v>47</v>
      </c>
      <c r="D133" s="38" t="s">
        <v>64</v>
      </c>
      <c r="E133" s="57"/>
      <c r="F133" s="37" t="s">
        <v>229</v>
      </c>
      <c r="G133" s="37" t="s">
        <v>214</v>
      </c>
      <c r="H133" s="110">
        <v>3</v>
      </c>
      <c r="I133" s="97"/>
    </row>
    <row r="134" spans="1:9" ht="18" customHeight="1" x14ac:dyDescent="0.2">
      <c r="A134" s="58" t="s">
        <v>84</v>
      </c>
      <c r="B134" s="30" t="s">
        <v>230</v>
      </c>
      <c r="C134" s="38" t="s">
        <v>117</v>
      </c>
      <c r="D134" s="38" t="s">
        <v>117</v>
      </c>
      <c r="E134" s="57"/>
      <c r="F134" s="88" t="s">
        <v>231</v>
      </c>
      <c r="G134" s="88" t="s">
        <v>214</v>
      </c>
      <c r="H134" s="98" t="s">
        <v>124</v>
      </c>
      <c r="I134" s="99"/>
    </row>
    <row r="135" spans="1:9" ht="18" customHeight="1" x14ac:dyDescent="0.2">
      <c r="E135" s="57"/>
      <c r="F135" s="88" t="s">
        <v>55</v>
      </c>
      <c r="G135" s="30" t="s">
        <v>210</v>
      </c>
      <c r="H135" s="111" t="s">
        <v>258</v>
      </c>
      <c r="I135" s="112"/>
    </row>
    <row r="136" spans="1:9" ht="18" customHeight="1" x14ac:dyDescent="0.2">
      <c r="A136" s="6" t="s">
        <v>252</v>
      </c>
      <c r="B136" s="6"/>
      <c r="C136" s="6"/>
      <c r="D136" s="3"/>
      <c r="E136" s="57"/>
      <c r="F136" s="39"/>
      <c r="G136" s="30" t="s">
        <v>212</v>
      </c>
      <c r="H136" s="96">
        <v>1</v>
      </c>
      <c r="I136" s="97"/>
    </row>
    <row r="137" spans="1:9" ht="18" customHeight="1" x14ac:dyDescent="0.2">
      <c r="A137" s="93" t="s">
        <v>161</v>
      </c>
      <c r="B137" s="93" t="s">
        <v>202</v>
      </c>
      <c r="C137" s="98" t="s">
        <v>45</v>
      </c>
      <c r="D137" s="99"/>
      <c r="E137" s="57"/>
      <c r="F137" s="39"/>
      <c r="G137" s="30" t="s">
        <v>211</v>
      </c>
      <c r="H137" s="96" t="s">
        <v>258</v>
      </c>
      <c r="I137" s="97"/>
    </row>
    <row r="138" spans="1:9" ht="18" customHeight="1" thickBot="1" x14ac:dyDescent="0.25">
      <c r="A138" s="94"/>
      <c r="B138" s="94"/>
      <c r="C138" s="38" t="s">
        <v>47</v>
      </c>
      <c r="D138" s="38" t="s">
        <v>64</v>
      </c>
      <c r="E138" s="57"/>
      <c r="F138" s="89"/>
      <c r="G138" s="77" t="s">
        <v>216</v>
      </c>
      <c r="H138" s="113">
        <v>1</v>
      </c>
      <c r="I138" s="114"/>
    </row>
    <row r="139" spans="1:9" ht="18" customHeight="1" thickTop="1" x14ac:dyDescent="0.2">
      <c r="A139" s="58" t="s">
        <v>84</v>
      </c>
      <c r="B139" s="30" t="s">
        <v>208</v>
      </c>
      <c r="C139" s="38" t="s">
        <v>117</v>
      </c>
      <c r="D139" s="38" t="s">
        <v>117</v>
      </c>
      <c r="E139" s="57"/>
      <c r="F139" s="107" t="s">
        <v>161</v>
      </c>
      <c r="G139" s="107" t="s">
        <v>201</v>
      </c>
      <c r="H139" s="108" t="s">
        <v>45</v>
      </c>
      <c r="I139" s="109"/>
    </row>
    <row r="140" spans="1:9" ht="18" customHeight="1" x14ac:dyDescent="0.2">
      <c r="D140" s="78"/>
      <c r="E140" s="57"/>
      <c r="F140" s="94"/>
      <c r="G140" s="94"/>
      <c r="H140" s="105" t="s">
        <v>83</v>
      </c>
      <c r="I140" s="106"/>
    </row>
    <row r="141" spans="1:9" ht="18" customHeight="1" x14ac:dyDescent="0.2">
      <c r="A141" s="6" t="s">
        <v>254</v>
      </c>
      <c r="B141" s="6"/>
      <c r="C141" s="6"/>
      <c r="D141" s="55"/>
      <c r="E141" s="57"/>
      <c r="F141" s="39" t="s">
        <v>104</v>
      </c>
      <c r="G141" s="39" t="s">
        <v>103</v>
      </c>
      <c r="H141" s="115" t="s">
        <v>123</v>
      </c>
      <c r="I141" s="116"/>
    </row>
    <row r="142" spans="1:9" ht="18" customHeight="1" x14ac:dyDescent="0.2">
      <c r="A142" s="93" t="s">
        <v>161</v>
      </c>
      <c r="B142" s="93" t="s">
        <v>202</v>
      </c>
      <c r="C142" s="98" t="s">
        <v>45</v>
      </c>
      <c r="D142" s="99"/>
      <c r="E142" s="57"/>
      <c r="F142" s="37" t="s">
        <v>52</v>
      </c>
      <c r="G142" s="79" t="s">
        <v>85</v>
      </c>
      <c r="H142" s="115" t="s">
        <v>123</v>
      </c>
      <c r="I142" s="116"/>
    </row>
    <row r="143" spans="1:9" ht="18" customHeight="1" x14ac:dyDescent="0.2">
      <c r="A143" s="94"/>
      <c r="B143" s="94"/>
      <c r="C143" s="38" t="s">
        <v>47</v>
      </c>
      <c r="D143" s="38" t="s">
        <v>64</v>
      </c>
      <c r="E143" s="57"/>
      <c r="F143" s="30" t="s">
        <v>232</v>
      </c>
      <c r="G143" s="80" t="s">
        <v>86</v>
      </c>
      <c r="H143" s="96" t="s">
        <v>122</v>
      </c>
      <c r="I143" s="97"/>
    </row>
    <row r="144" spans="1:9" ht="18" customHeight="1" x14ac:dyDescent="0.2">
      <c r="A144" s="100" t="s">
        <v>89</v>
      </c>
      <c r="B144" s="81" t="s">
        <v>233</v>
      </c>
      <c r="C144" s="82" t="s">
        <v>117</v>
      </c>
      <c r="D144" s="82" t="s">
        <v>117</v>
      </c>
      <c r="E144" s="57"/>
      <c r="F144" s="30" t="s">
        <v>218</v>
      </c>
      <c r="G144" s="80" t="s">
        <v>86</v>
      </c>
      <c r="H144" s="115" t="s">
        <v>123</v>
      </c>
      <c r="I144" s="116"/>
    </row>
    <row r="145" spans="1:9" ht="18" customHeight="1" x14ac:dyDescent="0.2">
      <c r="A145" s="102"/>
      <c r="B145" s="83" t="s">
        <v>263</v>
      </c>
      <c r="C145" s="32" t="s">
        <v>120</v>
      </c>
      <c r="D145" s="32" t="s">
        <v>120</v>
      </c>
      <c r="E145" s="84"/>
      <c r="F145" s="30" t="s">
        <v>84</v>
      </c>
      <c r="G145" s="30" t="s">
        <v>87</v>
      </c>
      <c r="H145" s="115" t="s">
        <v>123</v>
      </c>
      <c r="I145" s="116"/>
    </row>
    <row r="146" spans="1:9" ht="18" customHeight="1" x14ac:dyDescent="0.2">
      <c r="E146" s="84"/>
      <c r="F146" s="30" t="s">
        <v>67</v>
      </c>
      <c r="G146" s="30" t="s">
        <v>88</v>
      </c>
      <c r="H146" s="115" t="s">
        <v>267</v>
      </c>
      <c r="I146" s="116"/>
    </row>
    <row r="147" spans="1:9" ht="18" customHeight="1" x14ac:dyDescent="0.2">
      <c r="A147" s="6" t="s">
        <v>255</v>
      </c>
      <c r="B147" s="6"/>
      <c r="C147" s="6"/>
      <c r="D147" s="55"/>
      <c r="E147" s="6"/>
      <c r="F147" s="30" t="s">
        <v>105</v>
      </c>
      <c r="G147" s="30" t="s">
        <v>88</v>
      </c>
      <c r="H147" s="96" t="s">
        <v>118</v>
      </c>
      <c r="I147" s="97"/>
    </row>
    <row r="148" spans="1:9" ht="18" customHeight="1" x14ac:dyDescent="0.2">
      <c r="A148" s="93" t="s">
        <v>161</v>
      </c>
      <c r="B148" s="93" t="s">
        <v>202</v>
      </c>
      <c r="C148" s="98" t="s">
        <v>45</v>
      </c>
      <c r="D148" s="99"/>
      <c r="E148" s="6"/>
      <c r="F148" s="30" t="s">
        <v>73</v>
      </c>
      <c r="G148" s="30" t="s">
        <v>88</v>
      </c>
      <c r="H148" s="115" t="s">
        <v>123</v>
      </c>
      <c r="I148" s="116"/>
    </row>
    <row r="149" spans="1:9" ht="18" customHeight="1" x14ac:dyDescent="0.2">
      <c r="A149" s="94"/>
      <c r="B149" s="94"/>
      <c r="C149" s="85" t="s">
        <v>90</v>
      </c>
      <c r="D149" s="85" t="s">
        <v>91</v>
      </c>
      <c r="E149" s="6"/>
    </row>
    <row r="150" spans="1:9" ht="18" customHeight="1" x14ac:dyDescent="0.2">
      <c r="A150" s="33" t="s">
        <v>92</v>
      </c>
      <c r="B150" s="123" t="s">
        <v>93</v>
      </c>
      <c r="C150" s="93" t="s">
        <v>121</v>
      </c>
      <c r="D150" s="93" t="s">
        <v>121</v>
      </c>
      <c r="E150" s="6"/>
    </row>
    <row r="151" spans="1:9" ht="18" customHeight="1" x14ac:dyDescent="0.2">
      <c r="A151" s="46" t="s">
        <v>94</v>
      </c>
      <c r="B151" s="124"/>
      <c r="C151" s="94"/>
      <c r="D151" s="94"/>
      <c r="E151" s="6"/>
    </row>
    <row r="152" spans="1:9" ht="18" customHeight="1" x14ac:dyDescent="0.2">
      <c r="D152" s="1"/>
      <c r="E152" s="6"/>
    </row>
    <row r="153" spans="1:9" ht="18" customHeight="1" x14ac:dyDescent="0.2">
      <c r="A153" s="6" t="s">
        <v>256</v>
      </c>
      <c r="B153" s="6"/>
      <c r="C153" s="6"/>
      <c r="D153" s="55"/>
      <c r="E153" s="6"/>
    </row>
    <row r="154" spans="1:9" ht="18" customHeight="1" x14ac:dyDescent="0.2">
      <c r="A154" s="93" t="s">
        <v>161</v>
      </c>
      <c r="B154" s="93" t="s">
        <v>202</v>
      </c>
      <c r="C154" s="98" t="s">
        <v>45</v>
      </c>
      <c r="D154" s="99"/>
      <c r="E154" s="6"/>
    </row>
    <row r="155" spans="1:9" ht="18" customHeight="1" x14ac:dyDescent="0.2">
      <c r="A155" s="94"/>
      <c r="B155" s="94"/>
      <c r="C155" s="85" t="s">
        <v>90</v>
      </c>
      <c r="D155" s="85" t="s">
        <v>91</v>
      </c>
      <c r="E155" s="6"/>
    </row>
    <row r="156" spans="1:9" ht="18" customHeight="1" x14ac:dyDescent="0.2">
      <c r="A156" s="58" t="s">
        <v>95</v>
      </c>
      <c r="B156" s="58" t="s">
        <v>96</v>
      </c>
      <c r="C156" s="38" t="s">
        <v>120</v>
      </c>
      <c r="D156" s="38" t="s">
        <v>120</v>
      </c>
      <c r="E156" s="6"/>
    </row>
    <row r="157" spans="1:9" ht="18" customHeight="1" x14ac:dyDescent="0.2">
      <c r="E157" s="6"/>
    </row>
    <row r="158" spans="1:9" ht="18" customHeight="1" x14ac:dyDescent="0.2">
      <c r="A158" s="6" t="s">
        <v>257</v>
      </c>
      <c r="B158" s="6"/>
      <c r="C158" s="6"/>
      <c r="D158" s="52"/>
      <c r="E158" s="6"/>
    </row>
    <row r="159" spans="1:9" ht="18" customHeight="1" x14ac:dyDescent="0.2">
      <c r="A159" s="93" t="s">
        <v>161</v>
      </c>
      <c r="B159" s="93" t="s">
        <v>201</v>
      </c>
      <c r="C159" s="98" t="s">
        <v>3</v>
      </c>
      <c r="D159" s="99"/>
      <c r="E159" s="6"/>
    </row>
    <row r="160" spans="1:9" ht="18" customHeight="1" x14ac:dyDescent="0.2">
      <c r="A160" s="94"/>
      <c r="B160" s="94"/>
      <c r="C160" s="105" t="s">
        <v>83</v>
      </c>
      <c r="D160" s="106"/>
      <c r="E160" s="6"/>
    </row>
    <row r="161" spans="1:9" ht="18" customHeight="1" x14ac:dyDescent="0.2">
      <c r="A161" s="37" t="s">
        <v>150</v>
      </c>
      <c r="B161" s="30" t="s">
        <v>214</v>
      </c>
      <c r="C161" s="96" t="s">
        <v>115</v>
      </c>
      <c r="D161" s="97"/>
      <c r="E161" s="6"/>
    </row>
    <row r="162" spans="1:9" ht="18" customHeight="1" x14ac:dyDescent="0.2">
      <c r="A162" s="37" t="s">
        <v>234</v>
      </c>
      <c r="B162" s="46" t="s">
        <v>215</v>
      </c>
      <c r="C162" s="96" t="s">
        <v>115</v>
      </c>
      <c r="D162" s="97"/>
      <c r="E162" s="6"/>
      <c r="I162" s="1"/>
    </row>
    <row r="163" spans="1:9" ht="18" customHeight="1" x14ac:dyDescent="0.2">
      <c r="A163" s="30" t="s">
        <v>168</v>
      </c>
      <c r="B163" s="46" t="s">
        <v>214</v>
      </c>
      <c r="C163" s="96" t="s">
        <v>115</v>
      </c>
      <c r="D163" s="97"/>
      <c r="E163" s="6"/>
      <c r="I163" s="1"/>
    </row>
    <row r="164" spans="1:9" ht="18" customHeight="1" thickBot="1" x14ac:dyDescent="0.25">
      <c r="A164" s="30" t="s">
        <v>235</v>
      </c>
      <c r="B164" s="46" t="s">
        <v>214</v>
      </c>
      <c r="C164" s="113" t="s">
        <v>115</v>
      </c>
      <c r="D164" s="114"/>
      <c r="E164" s="6"/>
      <c r="I164" s="1"/>
    </row>
    <row r="165" spans="1:9" ht="18" customHeight="1" thickTop="1" x14ac:dyDescent="0.2">
      <c r="A165" s="107" t="s">
        <v>161</v>
      </c>
      <c r="B165" s="107" t="s">
        <v>201</v>
      </c>
      <c r="C165" s="121" t="s">
        <v>45</v>
      </c>
      <c r="D165" s="122"/>
      <c r="E165" s="6"/>
      <c r="I165" s="1"/>
    </row>
    <row r="166" spans="1:9" ht="18" customHeight="1" x14ac:dyDescent="0.2">
      <c r="A166" s="94"/>
      <c r="B166" s="94"/>
      <c r="C166" s="105" t="s">
        <v>83</v>
      </c>
      <c r="D166" s="106"/>
      <c r="E166" s="6"/>
      <c r="I166" s="1"/>
    </row>
    <row r="167" spans="1:9" ht="18" customHeight="1" x14ac:dyDescent="0.2">
      <c r="A167" s="30" t="s">
        <v>46</v>
      </c>
      <c r="B167" s="86" t="s">
        <v>125</v>
      </c>
      <c r="C167" s="115" t="s">
        <v>122</v>
      </c>
      <c r="D167" s="116"/>
      <c r="E167" s="6"/>
      <c r="I167" s="1"/>
    </row>
    <row r="168" spans="1:9" ht="18" customHeight="1" x14ac:dyDescent="0.2">
      <c r="A168" s="100" t="s">
        <v>97</v>
      </c>
      <c r="B168" s="81" t="s">
        <v>98</v>
      </c>
      <c r="C168" s="117" t="s">
        <v>123</v>
      </c>
      <c r="D168" s="118"/>
      <c r="E168" s="6"/>
      <c r="I168" s="1"/>
    </row>
    <row r="169" spans="1:9" ht="27.45" customHeight="1" x14ac:dyDescent="0.2">
      <c r="A169" s="102"/>
      <c r="B169" s="87" t="s">
        <v>236</v>
      </c>
      <c r="C169" s="119" t="s">
        <v>122</v>
      </c>
      <c r="D169" s="120"/>
      <c r="E169" s="6"/>
      <c r="I169" s="1"/>
    </row>
    <row r="170" spans="1:9" ht="18" customHeight="1" x14ac:dyDescent="0.2">
      <c r="A170" s="30" t="s">
        <v>99</v>
      </c>
      <c r="B170" s="30" t="s">
        <v>85</v>
      </c>
      <c r="C170" s="96" t="s">
        <v>123</v>
      </c>
      <c r="D170" s="97"/>
      <c r="E170" s="6"/>
      <c r="I170" s="1"/>
    </row>
    <row r="171" spans="1:9" ht="18" customHeight="1" x14ac:dyDescent="0.2">
      <c r="D171" s="1"/>
      <c r="E171" s="15"/>
      <c r="I171" s="1"/>
    </row>
    <row r="172" spans="1:9" ht="18" customHeight="1" x14ac:dyDescent="0.2">
      <c r="D172" s="1"/>
      <c r="E172" s="15"/>
      <c r="I172" s="1"/>
    </row>
    <row r="173" spans="1:9" ht="18" customHeight="1" x14ac:dyDescent="0.2">
      <c r="D173" s="1"/>
      <c r="E173" s="15"/>
      <c r="I173" s="1"/>
    </row>
    <row r="174" spans="1:9" ht="18" customHeight="1" x14ac:dyDescent="0.2">
      <c r="D174" s="1"/>
      <c r="E174" s="15"/>
      <c r="I174" s="1"/>
    </row>
    <row r="175" spans="1:9" ht="18" customHeight="1" x14ac:dyDescent="0.2">
      <c r="D175" s="1"/>
      <c r="E175" s="15"/>
      <c r="I175" s="1"/>
    </row>
    <row r="176" spans="1:9" ht="18" customHeight="1" x14ac:dyDescent="0.2">
      <c r="A176" s="9"/>
      <c r="B176" s="9"/>
      <c r="C176" s="9"/>
      <c r="D176" s="9"/>
      <c r="E176" s="15"/>
      <c r="F176" s="9"/>
      <c r="G176" s="9"/>
      <c r="H176" s="9"/>
      <c r="I176" s="11"/>
    </row>
    <row r="177" spans="1:9" ht="18.75" customHeight="1" x14ac:dyDescent="0.2">
      <c r="A177" s="9"/>
      <c r="B177" s="9"/>
      <c r="C177" s="9"/>
      <c r="D177" s="9"/>
      <c r="E177" s="15"/>
      <c r="F177" s="9"/>
      <c r="G177" s="9"/>
      <c r="H177" s="9"/>
      <c r="I177" s="11"/>
    </row>
    <row r="178" spans="1:9" ht="18.75" customHeight="1" x14ac:dyDescent="0.2">
      <c r="A178" s="9"/>
      <c r="B178" s="9"/>
      <c r="C178" s="9"/>
      <c r="D178" s="9"/>
      <c r="E178" s="9"/>
      <c r="F178" s="9"/>
      <c r="G178" s="9"/>
      <c r="H178" s="9"/>
      <c r="I178" s="11"/>
    </row>
    <row r="179" spans="1:9" ht="18.75" customHeight="1" x14ac:dyDescent="0.2">
      <c r="A179" s="9"/>
      <c r="B179" s="9"/>
      <c r="C179" s="9"/>
      <c r="D179" s="9"/>
      <c r="E179" s="9"/>
      <c r="F179" s="9"/>
      <c r="G179" s="9"/>
      <c r="H179" s="9"/>
      <c r="I179" s="11"/>
    </row>
    <row r="180" spans="1:9" ht="18.75" customHeight="1" x14ac:dyDescent="0.2">
      <c r="A180" s="9"/>
      <c r="B180" s="9"/>
      <c r="C180" s="9"/>
      <c r="D180" s="9"/>
      <c r="E180" s="9"/>
      <c r="F180" s="9"/>
      <c r="G180" s="9"/>
      <c r="H180" s="9"/>
      <c r="I180" s="11"/>
    </row>
    <row r="181" spans="1:9" ht="18.75" customHeight="1" x14ac:dyDescent="0.2">
      <c r="A181" s="9"/>
      <c r="B181" s="9"/>
      <c r="C181" s="9"/>
      <c r="D181" s="9"/>
      <c r="E181" s="9"/>
      <c r="F181" s="9"/>
      <c r="G181" s="9"/>
      <c r="H181" s="9"/>
      <c r="I181" s="11"/>
    </row>
    <row r="182" spans="1:9" ht="18.75" customHeight="1" x14ac:dyDescent="0.2">
      <c r="A182" s="9"/>
      <c r="B182" s="9"/>
      <c r="C182" s="9"/>
      <c r="D182" s="9"/>
      <c r="E182" s="9"/>
      <c r="F182" s="9"/>
      <c r="G182" s="9"/>
      <c r="H182" s="9"/>
      <c r="I182" s="11"/>
    </row>
    <row r="183" spans="1:9" ht="18.75" customHeight="1" x14ac:dyDescent="0.2">
      <c r="A183" s="9"/>
      <c r="B183" s="9"/>
      <c r="C183" s="9"/>
      <c r="D183" s="9"/>
      <c r="E183" s="9"/>
      <c r="F183" s="9"/>
      <c r="G183" s="9"/>
      <c r="H183" s="9"/>
      <c r="I183" s="11"/>
    </row>
    <row r="184" spans="1:9" ht="18.75" customHeight="1" x14ac:dyDescent="0.2">
      <c r="A184" s="9"/>
      <c r="B184" s="9"/>
      <c r="C184" s="9"/>
      <c r="D184" s="9"/>
      <c r="E184" s="9"/>
      <c r="F184" s="10"/>
      <c r="G184" s="9"/>
      <c r="H184" s="9"/>
      <c r="I184" s="11"/>
    </row>
    <row r="185" spans="1:9" ht="18.75" customHeight="1" x14ac:dyDescent="0.2">
      <c r="A185" s="9"/>
      <c r="B185" s="9"/>
      <c r="C185" s="9"/>
      <c r="D185" s="9"/>
      <c r="E185" s="9"/>
      <c r="F185" s="9"/>
      <c r="G185" s="9"/>
      <c r="H185" s="9"/>
      <c r="I185" s="11"/>
    </row>
    <row r="186" spans="1:9" ht="18.75" customHeight="1" x14ac:dyDescent="0.2">
      <c r="A186" s="9"/>
      <c r="B186" s="9"/>
      <c r="C186" s="9"/>
      <c r="D186" s="9"/>
      <c r="E186" s="9"/>
      <c r="F186" s="9"/>
      <c r="G186" s="9"/>
      <c r="H186" s="9"/>
      <c r="I186" s="11"/>
    </row>
    <row r="187" spans="1:9" ht="18" customHeight="1" x14ac:dyDescent="0.2">
      <c r="A187" s="9"/>
      <c r="B187" s="9"/>
      <c r="C187" s="9"/>
      <c r="D187" s="9"/>
      <c r="E187" s="9"/>
      <c r="F187" s="9"/>
      <c r="G187" s="9"/>
      <c r="H187" s="9"/>
      <c r="I187" s="11"/>
    </row>
    <row r="188" spans="1:9" ht="18" customHeight="1" x14ac:dyDescent="0.2">
      <c r="A188" s="9"/>
      <c r="B188" s="9"/>
      <c r="C188" s="9"/>
      <c r="D188" s="10"/>
      <c r="E188" s="9"/>
      <c r="F188" s="9"/>
      <c r="G188" s="9"/>
      <c r="H188" s="9"/>
      <c r="I188" s="11"/>
    </row>
    <row r="189" spans="1:9" ht="17.100000000000001" customHeight="1" x14ac:dyDescent="0.2">
      <c r="A189" s="9"/>
      <c r="B189" s="9"/>
      <c r="C189" s="9"/>
      <c r="D189" s="10"/>
      <c r="E189" s="9"/>
      <c r="F189" s="9"/>
      <c r="G189" s="9"/>
      <c r="H189" s="9"/>
      <c r="I189" s="11"/>
    </row>
    <row r="190" spans="1:9" ht="17.100000000000001" customHeight="1" x14ac:dyDescent="0.2">
      <c r="A190" s="9"/>
      <c r="B190" s="9"/>
      <c r="C190" s="9"/>
      <c r="D190" s="10"/>
      <c r="E190" s="9"/>
      <c r="F190" s="9"/>
      <c r="G190" s="9"/>
      <c r="H190" s="9"/>
      <c r="I190" s="11"/>
    </row>
    <row r="191" spans="1:9" ht="17.100000000000001" customHeight="1" x14ac:dyDescent="0.2">
      <c r="A191" s="9"/>
      <c r="B191" s="9"/>
      <c r="C191" s="9"/>
      <c r="D191" s="10"/>
      <c r="E191" s="9"/>
      <c r="F191" s="9"/>
      <c r="G191" s="9"/>
      <c r="H191" s="9"/>
      <c r="I191" s="11"/>
    </row>
    <row r="192" spans="1:9" ht="17.100000000000001" customHeight="1" x14ac:dyDescent="0.2">
      <c r="A192" s="9"/>
      <c r="B192" s="9"/>
      <c r="C192" s="9"/>
      <c r="D192" s="10"/>
      <c r="E192" s="9"/>
      <c r="F192" s="9"/>
      <c r="G192" s="9"/>
      <c r="H192" s="9"/>
      <c r="I192" s="11"/>
    </row>
    <row r="193" spans="1:9" ht="17.100000000000001" customHeight="1" x14ac:dyDescent="0.2">
      <c r="A193" s="9"/>
      <c r="B193" s="9"/>
      <c r="C193" s="9"/>
      <c r="D193" s="10"/>
      <c r="E193" s="9"/>
      <c r="F193" s="9"/>
      <c r="G193" s="9"/>
      <c r="H193" s="9"/>
      <c r="I193" s="11"/>
    </row>
    <row r="194" spans="1:9" ht="17.100000000000001" customHeight="1" x14ac:dyDescent="0.2">
      <c r="A194" s="9"/>
      <c r="B194" s="9"/>
      <c r="C194" s="9"/>
      <c r="D194" s="10"/>
      <c r="E194" s="9"/>
      <c r="F194" s="9"/>
      <c r="G194" s="9"/>
      <c r="H194" s="9"/>
      <c r="I194" s="11"/>
    </row>
    <row r="195" spans="1:9" ht="17.100000000000001" customHeight="1" x14ac:dyDescent="0.2">
      <c r="A195" s="9"/>
      <c r="B195" s="9"/>
      <c r="C195" s="9"/>
      <c r="D195" s="10"/>
      <c r="E195" s="9"/>
      <c r="F195" s="9"/>
      <c r="G195" s="9"/>
      <c r="H195" s="9"/>
      <c r="I195" s="11"/>
    </row>
    <row r="196" spans="1:9" ht="17.100000000000001" customHeight="1" x14ac:dyDescent="0.2">
      <c r="A196" s="9"/>
      <c r="B196" s="9"/>
      <c r="C196" s="9"/>
      <c r="D196" s="10"/>
      <c r="E196" s="9"/>
      <c r="F196" s="9"/>
      <c r="G196" s="9"/>
      <c r="H196" s="9"/>
      <c r="I196" s="11"/>
    </row>
    <row r="197" spans="1:9" ht="17.100000000000001" customHeight="1" x14ac:dyDescent="0.2">
      <c r="A197" s="9"/>
      <c r="B197" s="9"/>
      <c r="C197" s="9"/>
      <c r="D197" s="10"/>
      <c r="E197" s="9"/>
      <c r="F197" s="9"/>
      <c r="G197" s="9"/>
      <c r="H197" s="9"/>
      <c r="I197" s="11"/>
    </row>
    <row r="198" spans="1:9" ht="17.100000000000001" customHeight="1" x14ac:dyDescent="0.2">
      <c r="A198" s="9"/>
      <c r="B198" s="9"/>
      <c r="C198" s="9"/>
      <c r="D198" s="10"/>
      <c r="E198" s="9"/>
      <c r="F198" s="9"/>
      <c r="G198" s="9"/>
      <c r="H198" s="9"/>
      <c r="I198" s="11"/>
    </row>
    <row r="199" spans="1:9" ht="17.100000000000001" customHeight="1" x14ac:dyDescent="0.2">
      <c r="A199" s="9"/>
      <c r="B199" s="9"/>
      <c r="C199" s="9"/>
      <c r="D199" s="10"/>
      <c r="E199" s="9"/>
      <c r="F199" s="9"/>
      <c r="G199" s="9"/>
      <c r="H199" s="9"/>
      <c r="I199" s="11"/>
    </row>
    <row r="200" spans="1:9" ht="17.100000000000001" customHeight="1" x14ac:dyDescent="0.2">
      <c r="A200" s="9"/>
      <c r="B200" s="9"/>
      <c r="C200" s="9"/>
      <c r="D200" s="10"/>
      <c r="E200" s="9"/>
      <c r="F200" s="9"/>
      <c r="G200" s="9"/>
      <c r="H200" s="9"/>
      <c r="I200" s="11"/>
    </row>
    <row r="201" spans="1:9" ht="17.100000000000001" customHeight="1" x14ac:dyDescent="0.2">
      <c r="A201" s="9"/>
      <c r="B201" s="9"/>
      <c r="C201" s="9"/>
      <c r="D201" s="10"/>
      <c r="E201" s="9"/>
      <c r="F201" s="9"/>
      <c r="G201" s="9"/>
      <c r="H201" s="9"/>
      <c r="I201" s="11"/>
    </row>
    <row r="202" spans="1:9" ht="17.100000000000001" customHeight="1" x14ac:dyDescent="0.2">
      <c r="A202" s="9"/>
      <c r="B202" s="9"/>
      <c r="C202" s="9"/>
      <c r="D202" s="10"/>
      <c r="E202" s="9"/>
      <c r="F202" s="9"/>
      <c r="G202" s="9"/>
      <c r="H202" s="9"/>
      <c r="I202" s="11"/>
    </row>
    <row r="203" spans="1:9" ht="17.100000000000001" customHeight="1" x14ac:dyDescent="0.2">
      <c r="A203" s="9"/>
      <c r="B203" s="9"/>
      <c r="C203" s="9"/>
      <c r="D203" s="10"/>
      <c r="E203" s="9"/>
      <c r="F203" s="9"/>
      <c r="G203" s="9"/>
      <c r="H203" s="9"/>
      <c r="I203" s="11"/>
    </row>
    <row r="204" spans="1:9" ht="17.100000000000001" customHeight="1" x14ac:dyDescent="0.2">
      <c r="A204" s="9"/>
      <c r="B204" s="9"/>
      <c r="C204" s="9"/>
      <c r="D204" s="10"/>
      <c r="E204" s="9"/>
      <c r="F204" s="9"/>
      <c r="G204" s="9"/>
      <c r="H204" s="9"/>
      <c r="I204" s="11"/>
    </row>
    <row r="205" spans="1:9" ht="17.100000000000001" customHeight="1" x14ac:dyDescent="0.2">
      <c r="A205" s="9"/>
      <c r="B205" s="9"/>
      <c r="C205" s="9"/>
      <c r="D205" s="10"/>
      <c r="E205" s="9"/>
      <c r="F205" s="9"/>
      <c r="G205" s="9"/>
      <c r="H205" s="9"/>
      <c r="I205" s="11"/>
    </row>
    <row r="206" spans="1:9" ht="17.100000000000001" customHeight="1" x14ac:dyDescent="0.2">
      <c r="A206" s="9"/>
      <c r="B206" s="9"/>
      <c r="C206" s="9"/>
      <c r="D206" s="10"/>
      <c r="E206" s="9"/>
      <c r="F206" s="9"/>
      <c r="G206" s="9"/>
      <c r="H206" s="9"/>
      <c r="I206" s="11"/>
    </row>
    <row r="207" spans="1:9" ht="17.100000000000001" customHeight="1" x14ac:dyDescent="0.2">
      <c r="A207" s="9"/>
      <c r="B207" s="9"/>
      <c r="C207" s="9"/>
      <c r="D207" s="10"/>
      <c r="E207" s="9"/>
      <c r="F207" s="9"/>
      <c r="G207" s="9"/>
      <c r="H207" s="9"/>
      <c r="I207" s="11"/>
    </row>
    <row r="208" spans="1:9" ht="17.100000000000001" customHeight="1" x14ac:dyDescent="0.2">
      <c r="A208" s="9"/>
      <c r="B208" s="9"/>
      <c r="C208" s="9"/>
      <c r="D208" s="10"/>
      <c r="E208" s="9"/>
      <c r="F208" s="9"/>
      <c r="G208" s="9"/>
      <c r="H208" s="9"/>
      <c r="I208" s="11"/>
    </row>
    <row r="209" spans="1:9" ht="17.100000000000001" customHeight="1" x14ac:dyDescent="0.2">
      <c r="A209" s="9"/>
      <c r="B209" s="9"/>
      <c r="C209" s="9"/>
      <c r="D209" s="10"/>
      <c r="E209" s="9"/>
      <c r="F209" s="9"/>
      <c r="G209" s="9"/>
      <c r="H209" s="9"/>
      <c r="I209" s="11"/>
    </row>
    <row r="210" spans="1:9" ht="17.100000000000001" customHeight="1" x14ac:dyDescent="0.2">
      <c r="A210" s="9"/>
      <c r="B210" s="9"/>
      <c r="C210" s="9"/>
      <c r="D210" s="10"/>
      <c r="E210" s="9"/>
      <c r="F210" s="9"/>
      <c r="G210" s="9"/>
      <c r="H210" s="9"/>
      <c r="I210" s="11"/>
    </row>
    <row r="211" spans="1:9" ht="17.100000000000001" customHeight="1" x14ac:dyDescent="0.2">
      <c r="A211" s="9"/>
      <c r="B211" s="9"/>
      <c r="C211" s="9"/>
      <c r="D211" s="10"/>
      <c r="E211" s="9"/>
      <c r="F211" s="9"/>
      <c r="G211" s="9"/>
      <c r="H211" s="9"/>
      <c r="I211" s="11"/>
    </row>
    <row r="212" spans="1:9" ht="17.100000000000001" customHeight="1" x14ac:dyDescent="0.2">
      <c r="A212" s="9"/>
      <c r="B212" s="9"/>
      <c r="C212" s="9"/>
      <c r="D212" s="10"/>
      <c r="E212" s="9"/>
      <c r="F212" s="9"/>
      <c r="G212" s="9"/>
      <c r="H212" s="9"/>
      <c r="I212" s="11"/>
    </row>
    <row r="213" spans="1:9" ht="17.100000000000001" customHeight="1" x14ac:dyDescent="0.2">
      <c r="A213" s="9"/>
      <c r="B213" s="9"/>
      <c r="C213" s="9"/>
      <c r="D213" s="10"/>
      <c r="E213" s="9"/>
      <c r="F213" s="9"/>
      <c r="G213" s="9"/>
      <c r="H213" s="9"/>
      <c r="I213" s="11"/>
    </row>
    <row r="214" spans="1:9" ht="17.100000000000001" customHeight="1" x14ac:dyDescent="0.2">
      <c r="A214" s="9"/>
      <c r="B214" s="9"/>
      <c r="C214" s="9"/>
      <c r="D214" s="10"/>
      <c r="E214" s="9"/>
      <c r="F214" s="9"/>
      <c r="G214" s="9"/>
      <c r="H214" s="9"/>
      <c r="I214" s="11"/>
    </row>
    <row r="215" spans="1:9" ht="17.100000000000001" customHeight="1" x14ac:dyDescent="0.2">
      <c r="A215" s="9"/>
      <c r="B215" s="9"/>
      <c r="C215" s="9"/>
      <c r="D215" s="10"/>
      <c r="E215" s="9"/>
      <c r="F215" s="9"/>
      <c r="G215" s="9"/>
      <c r="H215" s="9"/>
      <c r="I215" s="11"/>
    </row>
    <row r="216" spans="1:9" ht="17.100000000000001" customHeight="1" x14ac:dyDescent="0.2">
      <c r="A216" s="9"/>
      <c r="B216" s="9"/>
      <c r="C216" s="9"/>
      <c r="D216" s="10"/>
      <c r="E216" s="9"/>
      <c r="F216" s="9"/>
      <c r="G216" s="9"/>
      <c r="H216" s="9"/>
      <c r="I216" s="11"/>
    </row>
    <row r="217" spans="1:9" ht="17.100000000000001" customHeight="1" x14ac:dyDescent="0.2">
      <c r="A217" s="9"/>
      <c r="B217" s="9"/>
      <c r="C217" s="9"/>
      <c r="D217" s="10"/>
      <c r="E217" s="9"/>
      <c r="F217" s="9"/>
      <c r="G217" s="9"/>
      <c r="H217" s="9"/>
      <c r="I217" s="11"/>
    </row>
    <row r="218" spans="1:9" ht="17.100000000000001" customHeight="1" x14ac:dyDescent="0.2">
      <c r="A218" s="9"/>
      <c r="B218" s="9"/>
      <c r="C218" s="9"/>
      <c r="D218" s="10"/>
      <c r="E218" s="9"/>
      <c r="F218" s="9"/>
      <c r="G218" s="9"/>
      <c r="H218" s="9"/>
      <c r="I218" s="11"/>
    </row>
    <row r="219" spans="1:9" ht="17.100000000000001" customHeight="1" x14ac:dyDescent="0.2">
      <c r="A219" s="9"/>
      <c r="B219" s="9"/>
      <c r="C219" s="9"/>
      <c r="D219" s="10"/>
      <c r="E219" s="9"/>
      <c r="F219" s="9"/>
      <c r="G219" s="9"/>
      <c r="H219" s="9"/>
      <c r="I219" s="11"/>
    </row>
    <row r="220" spans="1:9" ht="17.100000000000001" customHeight="1" x14ac:dyDescent="0.2">
      <c r="A220" s="9"/>
      <c r="B220" s="9"/>
      <c r="C220" s="9"/>
      <c r="D220" s="10"/>
      <c r="E220" s="9"/>
      <c r="F220" s="9"/>
      <c r="G220" s="9"/>
      <c r="H220" s="9"/>
      <c r="I220" s="11"/>
    </row>
    <row r="221" spans="1:9" ht="17.100000000000001" customHeight="1" x14ac:dyDescent="0.2">
      <c r="A221" s="9"/>
      <c r="B221" s="9"/>
      <c r="C221" s="9"/>
      <c r="D221" s="10"/>
      <c r="E221" s="9"/>
      <c r="F221" s="9"/>
      <c r="G221" s="9"/>
      <c r="H221" s="9"/>
      <c r="I221" s="11"/>
    </row>
    <row r="222" spans="1:9" ht="17.100000000000001" customHeight="1" x14ac:dyDescent="0.2">
      <c r="A222" s="9"/>
      <c r="B222" s="9"/>
      <c r="C222" s="9"/>
      <c r="D222" s="10"/>
      <c r="E222" s="9"/>
      <c r="F222" s="9"/>
      <c r="G222" s="9"/>
      <c r="H222" s="9"/>
      <c r="I222" s="11"/>
    </row>
    <row r="223" spans="1:9" ht="17.100000000000001" customHeight="1" x14ac:dyDescent="0.2">
      <c r="A223" s="9"/>
      <c r="B223" s="9"/>
      <c r="C223" s="9"/>
      <c r="D223" s="10"/>
      <c r="E223" s="9"/>
      <c r="F223" s="9"/>
      <c r="G223" s="9"/>
      <c r="H223" s="9"/>
      <c r="I223" s="11"/>
    </row>
    <row r="224" spans="1:9" ht="17.100000000000001" customHeight="1" x14ac:dyDescent="0.2">
      <c r="A224" s="9"/>
      <c r="B224" s="9"/>
      <c r="C224" s="9"/>
      <c r="D224" s="10"/>
      <c r="E224" s="9"/>
      <c r="F224" s="9"/>
      <c r="G224" s="9"/>
      <c r="H224" s="9"/>
      <c r="I224" s="11"/>
    </row>
    <row r="225" spans="1:9" ht="17.100000000000001" customHeight="1" x14ac:dyDescent="0.2">
      <c r="A225" s="9"/>
      <c r="B225" s="9"/>
      <c r="C225" s="9"/>
      <c r="D225" s="10"/>
      <c r="E225" s="9"/>
      <c r="F225" s="9"/>
      <c r="G225" s="9"/>
      <c r="H225" s="9"/>
      <c r="I225" s="11"/>
    </row>
    <row r="226" spans="1:9" ht="17.100000000000001" customHeight="1" x14ac:dyDescent="0.2">
      <c r="A226" s="9"/>
      <c r="B226" s="9"/>
      <c r="C226" s="9"/>
      <c r="D226" s="10"/>
      <c r="E226" s="9"/>
      <c r="F226" s="9"/>
      <c r="G226" s="9"/>
      <c r="H226" s="9"/>
      <c r="I226" s="11"/>
    </row>
    <row r="227" spans="1:9" ht="17.100000000000001" customHeight="1" x14ac:dyDescent="0.2">
      <c r="A227" s="9"/>
      <c r="B227" s="9"/>
      <c r="C227" s="9"/>
      <c r="D227" s="10"/>
      <c r="E227" s="9"/>
      <c r="F227" s="9"/>
      <c r="G227" s="9"/>
      <c r="H227" s="9"/>
      <c r="I227" s="11"/>
    </row>
    <row r="228" spans="1:9" ht="17.100000000000001" customHeight="1" x14ac:dyDescent="0.2">
      <c r="A228" s="9"/>
      <c r="B228" s="9"/>
      <c r="C228" s="9"/>
      <c r="D228" s="10"/>
      <c r="E228" s="9"/>
      <c r="F228" s="9"/>
      <c r="G228" s="9"/>
      <c r="H228" s="9"/>
      <c r="I228" s="11"/>
    </row>
    <row r="229" spans="1:9" ht="17.100000000000001" customHeight="1" x14ac:dyDescent="0.2">
      <c r="A229" s="9"/>
      <c r="B229" s="9"/>
      <c r="C229" s="9"/>
      <c r="D229" s="10"/>
      <c r="E229" s="9"/>
      <c r="F229" s="9"/>
      <c r="G229" s="9"/>
      <c r="H229" s="9"/>
      <c r="I229" s="11"/>
    </row>
    <row r="230" spans="1:9" ht="17.100000000000001" customHeight="1" x14ac:dyDescent="0.2">
      <c r="A230" s="9"/>
      <c r="B230" s="9"/>
      <c r="C230" s="9"/>
      <c r="D230" s="10"/>
      <c r="E230" s="9"/>
      <c r="F230" s="9"/>
      <c r="G230" s="9"/>
      <c r="H230" s="9"/>
      <c r="I230" s="11"/>
    </row>
    <row r="231" spans="1:9" ht="17.100000000000001" customHeight="1" x14ac:dyDescent="0.2">
      <c r="A231" s="9"/>
      <c r="B231" s="9"/>
      <c r="C231" s="9"/>
      <c r="D231" s="10"/>
      <c r="E231" s="9"/>
      <c r="F231" s="9"/>
      <c r="G231" s="9"/>
      <c r="H231" s="9"/>
      <c r="I231" s="11"/>
    </row>
    <row r="232" spans="1:9" ht="17.100000000000001" customHeight="1" x14ac:dyDescent="0.2">
      <c r="A232" s="9"/>
      <c r="B232" s="9"/>
      <c r="C232" s="9"/>
      <c r="D232" s="10"/>
      <c r="E232" s="9"/>
      <c r="F232" s="9"/>
      <c r="G232" s="9"/>
      <c r="H232" s="9"/>
      <c r="I232" s="11"/>
    </row>
    <row r="233" spans="1:9" ht="17.100000000000001" customHeight="1" x14ac:dyDescent="0.2">
      <c r="A233" s="9"/>
      <c r="B233" s="9"/>
      <c r="C233" s="9"/>
      <c r="D233" s="10"/>
      <c r="E233" s="9"/>
      <c r="F233" s="9"/>
      <c r="G233" s="9"/>
      <c r="H233" s="9"/>
      <c r="I233" s="11"/>
    </row>
    <row r="234" spans="1:9" ht="17.100000000000001" customHeight="1" x14ac:dyDescent="0.2">
      <c r="A234" s="9"/>
      <c r="B234" s="9"/>
      <c r="C234" s="9"/>
      <c r="D234" s="10"/>
      <c r="E234" s="9"/>
      <c r="F234" s="9"/>
      <c r="G234" s="9"/>
      <c r="H234" s="9"/>
      <c r="I234" s="11"/>
    </row>
    <row r="235" spans="1:9" ht="17.100000000000001" customHeight="1" x14ac:dyDescent="0.2">
      <c r="A235" s="9"/>
      <c r="B235" s="9"/>
      <c r="C235" s="9"/>
      <c r="D235" s="10"/>
      <c r="E235" s="9"/>
      <c r="F235" s="9"/>
      <c r="G235" s="9"/>
      <c r="H235" s="9"/>
      <c r="I235" s="11"/>
    </row>
    <row r="236" spans="1:9" ht="17.100000000000001" customHeight="1" x14ac:dyDescent="0.2">
      <c r="A236" s="9"/>
      <c r="B236" s="9"/>
      <c r="C236" s="9"/>
      <c r="D236" s="10"/>
      <c r="E236" s="9"/>
      <c r="F236" s="9"/>
      <c r="G236" s="9"/>
      <c r="H236" s="9"/>
      <c r="I236" s="11"/>
    </row>
    <row r="237" spans="1:9" ht="17.100000000000001" customHeight="1" x14ac:dyDescent="0.2">
      <c r="A237" s="9"/>
      <c r="B237" s="9"/>
      <c r="C237" s="9"/>
      <c r="D237" s="10"/>
      <c r="E237" s="9"/>
      <c r="F237" s="9"/>
      <c r="G237" s="9"/>
      <c r="H237" s="9"/>
      <c r="I237" s="11"/>
    </row>
    <row r="238" spans="1:9" ht="17.100000000000001" customHeight="1" x14ac:dyDescent="0.2">
      <c r="A238" s="9"/>
      <c r="B238" s="9"/>
      <c r="C238" s="9"/>
      <c r="D238" s="10"/>
      <c r="E238" s="9"/>
      <c r="F238" s="9"/>
      <c r="G238" s="9"/>
      <c r="H238" s="9"/>
      <c r="I238" s="11"/>
    </row>
    <row r="239" spans="1:9" ht="17.100000000000001" customHeight="1" x14ac:dyDescent="0.2">
      <c r="A239" s="9"/>
      <c r="B239" s="9"/>
      <c r="C239" s="9"/>
      <c r="D239" s="10"/>
      <c r="E239" s="9"/>
      <c r="F239" s="9"/>
      <c r="G239" s="9"/>
      <c r="H239" s="9"/>
      <c r="I239" s="11"/>
    </row>
    <row r="240" spans="1:9" ht="17.100000000000001" customHeight="1" x14ac:dyDescent="0.2">
      <c r="A240" s="9"/>
      <c r="B240" s="9"/>
      <c r="C240" s="9"/>
      <c r="D240" s="10"/>
      <c r="E240" s="9"/>
      <c r="F240" s="9"/>
      <c r="G240" s="9"/>
      <c r="H240" s="9"/>
      <c r="I240" s="11"/>
    </row>
    <row r="241" spans="1:9" ht="17.100000000000001" customHeight="1" x14ac:dyDescent="0.2">
      <c r="A241" s="9"/>
      <c r="B241" s="9"/>
      <c r="C241" s="9"/>
      <c r="D241" s="10"/>
      <c r="E241" s="9"/>
      <c r="F241" s="9"/>
      <c r="G241" s="9"/>
      <c r="H241" s="9"/>
      <c r="I241" s="11"/>
    </row>
    <row r="242" spans="1:9" ht="17.100000000000001" customHeight="1" x14ac:dyDescent="0.2">
      <c r="A242" s="9"/>
      <c r="B242" s="9"/>
      <c r="C242" s="9"/>
      <c r="D242" s="10"/>
      <c r="E242" s="9"/>
      <c r="F242" s="9"/>
      <c r="G242" s="9"/>
      <c r="H242" s="9"/>
      <c r="I242" s="11"/>
    </row>
    <row r="243" spans="1:9" ht="17.100000000000001" customHeight="1" x14ac:dyDescent="0.2">
      <c r="A243" s="9"/>
      <c r="B243" s="9"/>
      <c r="C243" s="9"/>
      <c r="D243" s="10"/>
      <c r="E243" s="9"/>
      <c r="F243" s="9"/>
      <c r="G243" s="9"/>
      <c r="H243" s="9"/>
      <c r="I243" s="11"/>
    </row>
    <row r="244" spans="1:9" ht="17.100000000000001" customHeight="1" x14ac:dyDescent="0.2">
      <c r="A244" s="9"/>
      <c r="B244" s="9"/>
      <c r="C244" s="9"/>
      <c r="D244" s="10"/>
      <c r="E244" s="9"/>
      <c r="F244" s="9"/>
      <c r="G244" s="9"/>
      <c r="H244" s="9"/>
      <c r="I244" s="11"/>
    </row>
    <row r="245" spans="1:9" ht="17.100000000000001" customHeight="1" x14ac:dyDescent="0.2"/>
    <row r="246" spans="1:9" ht="17.100000000000001" customHeight="1" x14ac:dyDescent="0.2"/>
    <row r="247" spans="1:9" ht="17.100000000000001" customHeight="1" x14ac:dyDescent="0.2"/>
    <row r="248" spans="1:9" ht="17.100000000000001" customHeight="1" x14ac:dyDescent="0.2"/>
    <row r="249" spans="1:9" ht="17.100000000000001" customHeight="1" x14ac:dyDescent="0.2"/>
    <row r="250" spans="1:9" ht="17.100000000000001" customHeight="1" x14ac:dyDescent="0.2"/>
  </sheetData>
  <mergeCells count="113">
    <mergeCell ref="H146:I146"/>
    <mergeCell ref="H147:I147"/>
    <mergeCell ref="H148:I148"/>
    <mergeCell ref="A168:A169"/>
    <mergeCell ref="C168:D168"/>
    <mergeCell ref="C169:D169"/>
    <mergeCell ref="C170:D170"/>
    <mergeCell ref="C161:D161"/>
    <mergeCell ref="C162:D162"/>
    <mergeCell ref="C163:D163"/>
    <mergeCell ref="C164:D164"/>
    <mergeCell ref="A165:A166"/>
    <mergeCell ref="B165:B166"/>
    <mergeCell ref="C165:D165"/>
    <mergeCell ref="C166:D166"/>
    <mergeCell ref="B150:B151"/>
    <mergeCell ref="C150:C151"/>
    <mergeCell ref="D150:D151"/>
    <mergeCell ref="A142:A143"/>
    <mergeCell ref="B142:B143"/>
    <mergeCell ref="C142:D142"/>
    <mergeCell ref="A144:A145"/>
    <mergeCell ref="A5:I5"/>
    <mergeCell ref="C167:D167"/>
    <mergeCell ref="A154:A155"/>
    <mergeCell ref="B154:B155"/>
    <mergeCell ref="C154:D154"/>
    <mergeCell ref="A159:A160"/>
    <mergeCell ref="B159:B160"/>
    <mergeCell ref="C159:D159"/>
    <mergeCell ref="C160:D160"/>
    <mergeCell ref="A148:A149"/>
    <mergeCell ref="B148:B149"/>
    <mergeCell ref="C148:D148"/>
    <mergeCell ref="H141:I141"/>
    <mergeCell ref="H142:I142"/>
    <mergeCell ref="H143:I143"/>
    <mergeCell ref="H144:I144"/>
    <mergeCell ref="H145:I145"/>
    <mergeCell ref="G127:G128"/>
    <mergeCell ref="H127:I127"/>
    <mergeCell ref="H128:I128"/>
    <mergeCell ref="A127:A128"/>
    <mergeCell ref="B127:B128"/>
    <mergeCell ref="C127:D127"/>
    <mergeCell ref="F127:F128"/>
    <mergeCell ref="H140:I140"/>
    <mergeCell ref="A137:A138"/>
    <mergeCell ref="B137:B138"/>
    <mergeCell ref="C137:D137"/>
    <mergeCell ref="H129:I129"/>
    <mergeCell ref="H130:I130"/>
    <mergeCell ref="H131:I131"/>
    <mergeCell ref="A132:A133"/>
    <mergeCell ref="B132:B133"/>
    <mergeCell ref="C132:D132"/>
    <mergeCell ref="H134:I134"/>
    <mergeCell ref="F139:F140"/>
    <mergeCell ref="G139:G140"/>
    <mergeCell ref="H139:I139"/>
    <mergeCell ref="H132:I132"/>
    <mergeCell ref="H133:I133"/>
    <mergeCell ref="H135:I135"/>
    <mergeCell ref="H136:I136"/>
    <mergeCell ref="H137:I137"/>
    <mergeCell ref="H138:I138"/>
    <mergeCell ref="G76:G77"/>
    <mergeCell ref="F84:F85"/>
    <mergeCell ref="A78:A79"/>
    <mergeCell ref="B78:B79"/>
    <mergeCell ref="C78:D78"/>
    <mergeCell ref="A122:A123"/>
    <mergeCell ref="B122:B123"/>
    <mergeCell ref="C122:D122"/>
    <mergeCell ref="H102:I102"/>
    <mergeCell ref="A105:A106"/>
    <mergeCell ref="B105:B106"/>
    <mergeCell ref="C105:D105"/>
    <mergeCell ref="A114:A115"/>
    <mergeCell ref="B114:B115"/>
    <mergeCell ref="C114:D114"/>
    <mergeCell ref="F102:F103"/>
    <mergeCell ref="H121:I121"/>
    <mergeCell ref="H113:I113"/>
    <mergeCell ref="F113:F114"/>
    <mergeCell ref="G113:G114"/>
    <mergeCell ref="G121:G122"/>
    <mergeCell ref="F121:F122"/>
    <mergeCell ref="G102:G103"/>
    <mergeCell ref="A8:I8"/>
    <mergeCell ref="I84:I85"/>
    <mergeCell ref="G11:I11"/>
    <mergeCell ref="A13:A14"/>
    <mergeCell ref="B13:B14"/>
    <mergeCell ref="C13:D13"/>
    <mergeCell ref="F13:F14"/>
    <mergeCell ref="G13:G14"/>
    <mergeCell ref="H13:I13"/>
    <mergeCell ref="H76:I76"/>
    <mergeCell ref="F82:F83"/>
    <mergeCell ref="G82:G83"/>
    <mergeCell ref="H82:I82"/>
    <mergeCell ref="A64:A65"/>
    <mergeCell ref="B64:B65"/>
    <mergeCell ref="C64:D64"/>
    <mergeCell ref="F71:F72"/>
    <mergeCell ref="G71:G72"/>
    <mergeCell ref="H71:I71"/>
    <mergeCell ref="F64:F65"/>
    <mergeCell ref="G64:G65"/>
    <mergeCell ref="H64:I64"/>
    <mergeCell ref="A66:A69"/>
    <mergeCell ref="F76:F77"/>
  </mergeCells>
  <phoneticPr fontId="2"/>
  <printOptions horizontalCentered="1"/>
  <pageMargins left="0.23622047244094491" right="0.11811023622047245" top="0.31496062992125984" bottom="0.31496062992125984" header="0.6692913385826772" footer="0.31496062992125984"/>
  <pageSetup paperSize="9" scale="71" orientation="portrait" r:id="rId1"/>
  <headerFooter>
    <oddFooter>&amp;C&amp;P</oddFooter>
  </headerFooter>
  <rowBreaks count="2" manualBreakCount="2">
    <brk id="62" max="9" man="1"/>
    <brk id="125" max="9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県立学校</vt:lpstr>
      <vt:lpstr>県立学校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6-16T06:47:33Z</cp:lastPrinted>
  <dcterms:created xsi:type="dcterms:W3CDTF">2022-02-21T10:11:50Z</dcterms:created>
  <dcterms:modified xsi:type="dcterms:W3CDTF">2026-06-18T05:03:22Z</dcterms:modified>
</cp:coreProperties>
</file>